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4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17016\Desktop\委託(きらら・片口)\R3仕様書\仕様書　添付書類\"/>
    </mc:Choice>
  </mc:AlternateContent>
  <xr:revisionPtr revIDLastSave="0" documentId="13_ncr:1_{064726EA-9118-4935-A1DD-91A1F42E7273}" xr6:coauthVersionLast="36" xr6:coauthVersionMax="36" xr10:uidLastSave="{00000000-0000-0000-0000-000000000000}"/>
  <bookViews>
    <workbookView xWindow="240" yWindow="45" windowWidth="14940" windowHeight="8550" xr2:uid="{00000000-000D-0000-FFFF-FFFF00000000}"/>
  </bookViews>
  <sheets>
    <sheet name="原本" sheetId="14" r:id="rId1"/>
  </sheets>
  <calcPr calcId="125725" calcMode="manual"/>
</workbook>
</file>

<file path=xl/sharedStrings.xml><?xml version="1.0" encoding="utf-8"?>
<sst xmlns="http://schemas.openxmlformats.org/spreadsheetml/2006/main" count="219" uniqueCount="55">
  <si>
    <t>点検日</t>
    <rPh sb="0" eb="2">
      <t>テンケン</t>
    </rPh>
    <rPh sb="2" eb="3">
      <t>ビ</t>
    </rPh>
    <phoneticPr fontId="2"/>
  </si>
  <si>
    <t>月</t>
    <rPh sb="0" eb="1">
      <t>ツキ</t>
    </rPh>
    <phoneticPr fontId="2"/>
  </si>
  <si>
    <t>日</t>
    <rPh sb="0" eb="1">
      <t>ヒ</t>
    </rPh>
    <phoneticPr fontId="2"/>
  </si>
  <si>
    <t>入室時</t>
    <rPh sb="0" eb="2">
      <t>ニュウシツ</t>
    </rPh>
    <rPh sb="2" eb="3">
      <t>ジ</t>
    </rPh>
    <phoneticPr fontId="2"/>
  </si>
  <si>
    <t>温度</t>
    <rPh sb="0" eb="2">
      <t>オンド</t>
    </rPh>
    <phoneticPr fontId="2"/>
  </si>
  <si>
    <t>℃</t>
    <phoneticPr fontId="2"/>
  </si>
  <si>
    <t>湿度</t>
    <rPh sb="0" eb="2">
      <t>シツド</t>
    </rPh>
    <phoneticPr fontId="2"/>
  </si>
  <si>
    <t>％</t>
    <phoneticPr fontId="2"/>
  </si>
  <si>
    <t>冷凍庫</t>
    <rPh sb="0" eb="3">
      <t>レイトウコ</t>
    </rPh>
    <phoneticPr fontId="2"/>
  </si>
  <si>
    <t>冷蔵庫</t>
    <rPh sb="0" eb="3">
      <t>レイゾウコ</t>
    </rPh>
    <phoneticPr fontId="2"/>
  </si>
  <si>
    <t xml:space="preserve">                 ～日常点検簿～</t>
    <rPh sb="18" eb="20">
      <t>ニチジョウ</t>
    </rPh>
    <rPh sb="20" eb="22">
      <t>テンケン</t>
    </rPh>
    <rPh sb="22" eb="23">
      <t>ボ</t>
    </rPh>
    <phoneticPr fontId="2"/>
  </si>
  <si>
    <t>調理中</t>
    <rPh sb="0" eb="3">
      <t>チョウリチュウ</t>
    </rPh>
    <phoneticPr fontId="2"/>
  </si>
  <si>
    <t>検印</t>
    <rPh sb="0" eb="1">
      <t>ケン</t>
    </rPh>
    <rPh sb="1" eb="2">
      <t>イン</t>
    </rPh>
    <phoneticPr fontId="2"/>
  </si>
  <si>
    <t>　　　　　園長　　　　　　　　　　　　担当者</t>
    <rPh sb="5" eb="7">
      <t>エンチョウ</t>
    </rPh>
    <rPh sb="19" eb="22">
      <t>タントウシャ</t>
    </rPh>
    <phoneticPr fontId="2"/>
  </si>
  <si>
    <t>退室時</t>
    <rPh sb="0" eb="2">
      <t>タイシツ</t>
    </rPh>
    <rPh sb="2" eb="3">
      <t>ジ</t>
    </rPh>
    <phoneticPr fontId="2"/>
  </si>
  <si>
    <t>検収</t>
    <rPh sb="0" eb="2">
      <t>ケンシュウ</t>
    </rPh>
    <phoneticPr fontId="2"/>
  </si>
  <si>
    <t>品質、鮮度、汚染状況等を十分に確認した</t>
    <rPh sb="0" eb="2">
      <t>ヒンシツ</t>
    </rPh>
    <rPh sb="3" eb="5">
      <t>センド</t>
    </rPh>
    <rPh sb="6" eb="8">
      <t>オセン</t>
    </rPh>
    <rPh sb="8" eb="10">
      <t>ジョウキョウ</t>
    </rPh>
    <rPh sb="10" eb="11">
      <t>トウ</t>
    </rPh>
    <rPh sb="12" eb="14">
      <t>ジュウブン</t>
    </rPh>
    <rPh sb="15" eb="17">
      <t>カクニン</t>
    </rPh>
    <phoneticPr fontId="2"/>
  </si>
  <si>
    <t>保管していた食品は安全を確認して使用した</t>
    <rPh sb="0" eb="2">
      <t>ホカン</t>
    </rPh>
    <rPh sb="6" eb="8">
      <t>ショクヒン</t>
    </rPh>
    <rPh sb="9" eb="11">
      <t>アンゼン</t>
    </rPh>
    <rPh sb="12" eb="14">
      <t>カクニン</t>
    </rPh>
    <rPh sb="16" eb="18">
      <t>シヨウ</t>
    </rPh>
    <phoneticPr fontId="2"/>
  </si>
  <si>
    <t>納入業者は衛生的な服装である</t>
    <rPh sb="0" eb="2">
      <t>ノウニュウ</t>
    </rPh>
    <rPh sb="2" eb="4">
      <t>ギョウシャ</t>
    </rPh>
    <rPh sb="5" eb="8">
      <t>エイセイテキ</t>
    </rPh>
    <rPh sb="9" eb="11">
      <t>フクソウ</t>
    </rPh>
    <phoneticPr fontId="2"/>
  </si>
  <si>
    <t>原材料はすべて採取した（検食）</t>
    <rPh sb="0" eb="3">
      <t>ゲンザイリョウ</t>
    </rPh>
    <rPh sb="7" eb="9">
      <t>サイシュ</t>
    </rPh>
    <rPh sb="12" eb="13">
      <t>ケン</t>
    </rPh>
    <rPh sb="13" eb="14">
      <t>ショク</t>
    </rPh>
    <phoneticPr fontId="2"/>
  </si>
  <si>
    <t>施設・設備</t>
    <rPh sb="0" eb="2">
      <t>シセツ</t>
    </rPh>
    <rPh sb="3" eb="5">
      <t>セツビ</t>
    </rPh>
    <phoneticPr fontId="2"/>
  </si>
  <si>
    <t>使用水に異物混入、にごり、臭いがない</t>
    <rPh sb="0" eb="2">
      <t>シヨウ</t>
    </rPh>
    <rPh sb="2" eb="3">
      <t>スイ</t>
    </rPh>
    <rPh sb="4" eb="6">
      <t>イブツ</t>
    </rPh>
    <rPh sb="6" eb="8">
      <t>コンニュウ</t>
    </rPh>
    <rPh sb="13" eb="14">
      <t>ニオ</t>
    </rPh>
    <phoneticPr fontId="2"/>
  </si>
  <si>
    <t>調理室内の清掃、清潔状態は良い</t>
    <rPh sb="0" eb="2">
      <t>チョウリ</t>
    </rPh>
    <rPh sb="2" eb="4">
      <t>シツナイ</t>
    </rPh>
    <rPh sb="5" eb="7">
      <t>セイソウ</t>
    </rPh>
    <rPh sb="8" eb="10">
      <t>セイケツ</t>
    </rPh>
    <rPh sb="10" eb="12">
      <t>ジョウタイ</t>
    </rPh>
    <rPh sb="13" eb="14">
      <t>ヨ</t>
    </rPh>
    <phoneticPr fontId="2"/>
  </si>
  <si>
    <t>調理機器、器具の洗浄、殺菌をした</t>
    <rPh sb="0" eb="2">
      <t>チョウリ</t>
    </rPh>
    <rPh sb="2" eb="4">
      <t>キキ</t>
    </rPh>
    <rPh sb="5" eb="7">
      <t>キグ</t>
    </rPh>
    <rPh sb="8" eb="10">
      <t>センジョウ</t>
    </rPh>
    <rPh sb="11" eb="13">
      <t>サッキン</t>
    </rPh>
    <phoneticPr fontId="2"/>
  </si>
  <si>
    <t>調理器具の保守、故障の有無、故障の機械及び箇所名</t>
    <rPh sb="0" eb="2">
      <t>チョウリ</t>
    </rPh>
    <rPh sb="2" eb="4">
      <t>キグ</t>
    </rPh>
    <rPh sb="5" eb="7">
      <t>ホシュ</t>
    </rPh>
    <rPh sb="8" eb="10">
      <t>コショウ</t>
    </rPh>
    <rPh sb="11" eb="13">
      <t>ウム</t>
    </rPh>
    <rPh sb="14" eb="16">
      <t>コショウ</t>
    </rPh>
    <rPh sb="17" eb="19">
      <t>キカイ</t>
    </rPh>
    <rPh sb="19" eb="20">
      <t>オヨ</t>
    </rPh>
    <rPh sb="21" eb="23">
      <t>カショ</t>
    </rPh>
    <rPh sb="23" eb="24">
      <t>メイ</t>
    </rPh>
    <phoneticPr fontId="2"/>
  </si>
  <si>
    <t>食器、食缶等の保管場所は清潔である</t>
    <rPh sb="0" eb="2">
      <t>ショッキ</t>
    </rPh>
    <rPh sb="3" eb="4">
      <t>ショク</t>
    </rPh>
    <rPh sb="4" eb="5">
      <t>カン</t>
    </rPh>
    <rPh sb="5" eb="6">
      <t>ナド</t>
    </rPh>
    <rPh sb="7" eb="9">
      <t>ホカン</t>
    </rPh>
    <rPh sb="9" eb="11">
      <t>バショ</t>
    </rPh>
    <rPh sb="12" eb="14">
      <t>セイケツ</t>
    </rPh>
    <phoneticPr fontId="2"/>
  </si>
  <si>
    <t>冷蔵庫は整理整頓され、清潔になっている</t>
    <rPh sb="0" eb="3">
      <t>レイゾウコ</t>
    </rPh>
    <rPh sb="4" eb="6">
      <t>セイリ</t>
    </rPh>
    <rPh sb="6" eb="8">
      <t>セイトン</t>
    </rPh>
    <rPh sb="11" eb="13">
      <t>セイケツ</t>
    </rPh>
    <phoneticPr fontId="2"/>
  </si>
  <si>
    <t>下処理</t>
    <rPh sb="0" eb="1">
      <t>シタ</t>
    </rPh>
    <rPh sb="1" eb="3">
      <t>ショリ</t>
    </rPh>
    <phoneticPr fontId="2"/>
  </si>
  <si>
    <t>下処理終了後、器具の洗浄、消毒を行った</t>
    <rPh sb="0" eb="1">
      <t>シタ</t>
    </rPh>
    <rPh sb="1" eb="3">
      <t>ショリ</t>
    </rPh>
    <rPh sb="3" eb="5">
      <t>シュウリョウ</t>
    </rPh>
    <rPh sb="5" eb="6">
      <t>ゴ</t>
    </rPh>
    <rPh sb="7" eb="9">
      <t>キグ</t>
    </rPh>
    <rPh sb="10" eb="12">
      <t>センジョウ</t>
    </rPh>
    <rPh sb="13" eb="15">
      <t>ショウドク</t>
    </rPh>
    <rPh sb="16" eb="17">
      <t>オコナ</t>
    </rPh>
    <phoneticPr fontId="2"/>
  </si>
  <si>
    <t>野菜は流水で十分に洗浄した</t>
    <rPh sb="0" eb="2">
      <t>ヤサイ</t>
    </rPh>
    <rPh sb="3" eb="5">
      <t>リュウスイ</t>
    </rPh>
    <rPh sb="6" eb="8">
      <t>ジュウブン</t>
    </rPh>
    <rPh sb="9" eb="11">
      <t>センジョウ</t>
    </rPh>
    <phoneticPr fontId="2"/>
  </si>
  <si>
    <t>食品を入れた容器を直接床に置いていない</t>
    <rPh sb="0" eb="2">
      <t>ショクヒン</t>
    </rPh>
    <rPh sb="3" eb="4">
      <t>イ</t>
    </rPh>
    <rPh sb="6" eb="8">
      <t>ヨウキ</t>
    </rPh>
    <rPh sb="9" eb="11">
      <t>チョクセツ</t>
    </rPh>
    <rPh sb="11" eb="12">
      <t>ユカ</t>
    </rPh>
    <rPh sb="13" eb="14">
      <t>オ</t>
    </rPh>
    <phoneticPr fontId="2"/>
  </si>
  <si>
    <t>調理時</t>
    <rPh sb="0" eb="2">
      <t>チョウリ</t>
    </rPh>
    <rPh sb="2" eb="3">
      <t>ジ</t>
    </rPh>
    <phoneticPr fontId="2"/>
  </si>
  <si>
    <t>調理器具は食品、処理別に専用のものを使用した</t>
    <rPh sb="0" eb="2">
      <t>チョウリ</t>
    </rPh>
    <rPh sb="2" eb="4">
      <t>キグ</t>
    </rPh>
    <rPh sb="5" eb="7">
      <t>ショクヒン</t>
    </rPh>
    <rPh sb="8" eb="10">
      <t>ショリ</t>
    </rPh>
    <rPh sb="10" eb="11">
      <t>ベツ</t>
    </rPh>
    <rPh sb="12" eb="14">
      <t>センヨウ</t>
    </rPh>
    <rPh sb="18" eb="20">
      <t>シヨウ</t>
    </rPh>
    <phoneticPr fontId="2"/>
  </si>
  <si>
    <t>まな板、包丁、調理機械器具等は作業中に頻繁に洗浄をした</t>
    <rPh sb="2" eb="3">
      <t>イタ</t>
    </rPh>
    <rPh sb="4" eb="6">
      <t>ホウチョウ</t>
    </rPh>
    <rPh sb="7" eb="9">
      <t>チョウリ</t>
    </rPh>
    <rPh sb="9" eb="11">
      <t>キカイ</t>
    </rPh>
    <rPh sb="11" eb="14">
      <t>キグトウ</t>
    </rPh>
    <rPh sb="15" eb="18">
      <t>サギョウチュウ</t>
    </rPh>
    <rPh sb="19" eb="21">
      <t>ヒンパン</t>
    </rPh>
    <rPh sb="22" eb="24">
      <t>センジョウ</t>
    </rPh>
    <phoneticPr fontId="2"/>
  </si>
  <si>
    <t>加熱を十分にした事を確認した</t>
    <rPh sb="0" eb="2">
      <t>カネツ</t>
    </rPh>
    <rPh sb="3" eb="5">
      <t>ジュウブン</t>
    </rPh>
    <rPh sb="8" eb="9">
      <t>コト</t>
    </rPh>
    <rPh sb="10" eb="12">
      <t>カクニン</t>
    </rPh>
    <phoneticPr fontId="2"/>
  </si>
  <si>
    <r>
      <t>焼物、揚げ物等は中心まで十分に加熱した</t>
    </r>
    <r>
      <rPr>
        <b/>
        <sz val="11"/>
        <rFont val="ＭＳ Ｐゴシック"/>
        <family val="3"/>
        <charset val="128"/>
      </rPr>
      <t>（85度以上）</t>
    </r>
    <rPh sb="0" eb="2">
      <t>ヤキモノ</t>
    </rPh>
    <rPh sb="3" eb="4">
      <t>ア</t>
    </rPh>
    <rPh sb="5" eb="6">
      <t>モノ</t>
    </rPh>
    <rPh sb="6" eb="7">
      <t>トウ</t>
    </rPh>
    <rPh sb="8" eb="10">
      <t>チュウシン</t>
    </rPh>
    <rPh sb="12" eb="14">
      <t>ジュウブン</t>
    </rPh>
    <rPh sb="15" eb="17">
      <t>カネツ</t>
    </rPh>
    <rPh sb="22" eb="23">
      <t>ド</t>
    </rPh>
    <rPh sb="23" eb="25">
      <t>イジョウ</t>
    </rPh>
    <phoneticPr fontId="2"/>
  </si>
  <si>
    <t>生食する食品は特に衛生的に扱った</t>
    <rPh sb="0" eb="1">
      <t>ナマ</t>
    </rPh>
    <rPh sb="1" eb="2">
      <t>ショク</t>
    </rPh>
    <rPh sb="4" eb="6">
      <t>ショクヒン</t>
    </rPh>
    <rPh sb="7" eb="8">
      <t>トク</t>
    </rPh>
    <rPh sb="9" eb="12">
      <t>エイセイテキ</t>
    </rPh>
    <rPh sb="13" eb="14">
      <t>アツカ</t>
    </rPh>
    <phoneticPr fontId="2"/>
  </si>
  <si>
    <t>洗浄・消毒</t>
    <rPh sb="0" eb="2">
      <t>センジョウ</t>
    </rPh>
    <rPh sb="3" eb="5">
      <t>ショウドク</t>
    </rPh>
    <phoneticPr fontId="2"/>
  </si>
  <si>
    <t>洗剤の濃度及び使用液量は適正である</t>
    <rPh sb="0" eb="2">
      <t>センザイ</t>
    </rPh>
    <rPh sb="3" eb="5">
      <t>ノウド</t>
    </rPh>
    <rPh sb="5" eb="6">
      <t>オヨ</t>
    </rPh>
    <rPh sb="7" eb="9">
      <t>シヨウ</t>
    </rPh>
    <rPh sb="9" eb="10">
      <t>エキ</t>
    </rPh>
    <rPh sb="10" eb="11">
      <t>リョウ</t>
    </rPh>
    <rPh sb="12" eb="14">
      <t>テキセイ</t>
    </rPh>
    <phoneticPr fontId="2"/>
  </si>
  <si>
    <t>食器、食缶、調理器具の洗浄消毒を十分に行った</t>
    <rPh sb="0" eb="2">
      <t>ショッキ</t>
    </rPh>
    <rPh sb="3" eb="4">
      <t>ショク</t>
    </rPh>
    <rPh sb="4" eb="5">
      <t>カン</t>
    </rPh>
    <rPh sb="6" eb="8">
      <t>チョウリ</t>
    </rPh>
    <rPh sb="8" eb="10">
      <t>キグ</t>
    </rPh>
    <rPh sb="11" eb="13">
      <t>センジョウ</t>
    </rPh>
    <rPh sb="13" eb="15">
      <t>ショウドク</t>
    </rPh>
    <rPh sb="16" eb="18">
      <t>ジュウブン</t>
    </rPh>
    <rPh sb="19" eb="20">
      <t>オコナ</t>
    </rPh>
    <phoneticPr fontId="2"/>
  </si>
  <si>
    <t>熱風消毒保管庫内の食器は全て良く乾燥されている</t>
    <rPh sb="0" eb="2">
      <t>ネップウ</t>
    </rPh>
    <rPh sb="2" eb="4">
      <t>ショウドク</t>
    </rPh>
    <rPh sb="4" eb="7">
      <t>ホカンコ</t>
    </rPh>
    <rPh sb="7" eb="8">
      <t>ナイ</t>
    </rPh>
    <rPh sb="9" eb="11">
      <t>ショッキ</t>
    </rPh>
    <rPh sb="12" eb="13">
      <t>スベ</t>
    </rPh>
    <rPh sb="14" eb="15">
      <t>ヨ</t>
    </rPh>
    <rPh sb="16" eb="18">
      <t>カンソウ</t>
    </rPh>
    <phoneticPr fontId="2"/>
  </si>
  <si>
    <t>食品庫</t>
    <rPh sb="0" eb="2">
      <t>ショクヒン</t>
    </rPh>
    <rPh sb="2" eb="3">
      <t>コ</t>
    </rPh>
    <phoneticPr fontId="2"/>
  </si>
  <si>
    <t>食材料などが整理整頓されている</t>
    <rPh sb="0" eb="1">
      <t>ショク</t>
    </rPh>
    <rPh sb="1" eb="3">
      <t>ザイリョウ</t>
    </rPh>
    <rPh sb="6" eb="8">
      <t>セイリ</t>
    </rPh>
    <rPh sb="8" eb="10">
      <t>セイトン</t>
    </rPh>
    <phoneticPr fontId="2"/>
  </si>
  <si>
    <t>通風、湿気の状態は良い</t>
    <rPh sb="0" eb="2">
      <t>ツウフウ</t>
    </rPh>
    <rPh sb="3" eb="5">
      <t>シッケ</t>
    </rPh>
    <rPh sb="6" eb="8">
      <t>ジョウタイ</t>
    </rPh>
    <rPh sb="9" eb="10">
      <t>ヨ</t>
    </rPh>
    <phoneticPr fontId="2"/>
  </si>
  <si>
    <t>給食物資以外の物が入っていない</t>
    <rPh sb="0" eb="2">
      <t>キュウショク</t>
    </rPh>
    <rPh sb="2" eb="4">
      <t>ブッシ</t>
    </rPh>
    <rPh sb="4" eb="6">
      <t>イガイ</t>
    </rPh>
    <rPh sb="7" eb="8">
      <t>モノ</t>
    </rPh>
    <rPh sb="9" eb="10">
      <t>ハイ</t>
    </rPh>
    <phoneticPr fontId="2"/>
  </si>
  <si>
    <t>その他</t>
    <rPh sb="2" eb="3">
      <t>タ</t>
    </rPh>
    <phoneticPr fontId="2"/>
  </si>
  <si>
    <t>ねずみ、ゴキブリ等の害虫はいない（厨房・食品庫）</t>
    <rPh sb="8" eb="9">
      <t>トウ</t>
    </rPh>
    <rPh sb="10" eb="12">
      <t>ガイチュウ</t>
    </rPh>
    <rPh sb="17" eb="19">
      <t>チュウボウ</t>
    </rPh>
    <rPh sb="20" eb="22">
      <t>ショクヒン</t>
    </rPh>
    <rPh sb="22" eb="23">
      <t>コ</t>
    </rPh>
    <phoneticPr fontId="2"/>
  </si>
  <si>
    <t>部外者は調理室内に立ち入っていない</t>
    <rPh sb="0" eb="3">
      <t>ブガイシャ</t>
    </rPh>
    <rPh sb="4" eb="6">
      <t>チョウリ</t>
    </rPh>
    <rPh sb="6" eb="8">
      <t>シツナイ</t>
    </rPh>
    <rPh sb="9" eb="10">
      <t>タ</t>
    </rPh>
    <rPh sb="11" eb="12">
      <t>ハイ</t>
    </rPh>
    <phoneticPr fontId="2"/>
  </si>
  <si>
    <t>トイレ用の手洗い消毒薬は十分にある</t>
    <rPh sb="3" eb="4">
      <t>ヨウ</t>
    </rPh>
    <rPh sb="5" eb="7">
      <t>テアラ</t>
    </rPh>
    <rPh sb="8" eb="11">
      <t>ショウドクヤク</t>
    </rPh>
    <rPh sb="12" eb="14">
      <t>ジュウブン</t>
    </rPh>
    <phoneticPr fontId="2"/>
  </si>
  <si>
    <t>備考</t>
    <rPh sb="0" eb="2">
      <t>ビコウ</t>
    </rPh>
    <phoneticPr fontId="2"/>
  </si>
  <si>
    <t>作業前</t>
    <rPh sb="0" eb="2">
      <t>サギョウ</t>
    </rPh>
    <rPh sb="2" eb="3">
      <t>マエ</t>
    </rPh>
    <phoneticPr fontId="2"/>
  </si>
  <si>
    <t>作業後</t>
    <rPh sb="0" eb="2">
      <t>サギョウ</t>
    </rPh>
    <rPh sb="2" eb="3">
      <t>ゴ</t>
    </rPh>
    <phoneticPr fontId="2"/>
  </si>
  <si>
    <t>　　　　　　　　　　　　保育園　　　</t>
    <rPh sb="12" eb="15">
      <t>ホイクエン</t>
    </rPh>
    <phoneticPr fontId="2"/>
  </si>
  <si>
    <t xml:space="preserve">　　　　　　　　　　　　　令和　　年度　　　　　　　                </t>
    <rPh sb="13" eb="14">
      <t>レイ</t>
    </rPh>
    <rPh sb="14" eb="15">
      <t>ワ</t>
    </rPh>
    <rPh sb="17" eb="19">
      <t>ネンド</t>
    </rPh>
    <phoneticPr fontId="2"/>
  </si>
  <si>
    <t>衛生管理チェックシート</t>
    <rPh sb="0" eb="2">
      <t>エイセイ</t>
    </rPh>
    <rPh sb="2" eb="4">
      <t>カンリ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6" formatCode="&quot;¥&quot;#,##0;[Red]&quot;¥&quot;\-#,##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3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7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10.5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4"/>
      <name val="HGPｺﾞｼｯｸM"/>
      <family val="3"/>
      <charset val="128"/>
    </font>
    <font>
      <sz val="14"/>
      <name val="ＭＳ Ｐ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dashDotDot">
        <color indexed="64"/>
      </right>
      <top style="thin">
        <color indexed="64"/>
      </top>
      <bottom style="thin">
        <color indexed="64"/>
      </bottom>
      <diagonal/>
    </border>
    <border>
      <left style="dashDotDot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6" fontId="1" fillId="0" borderId="0" applyFont="0" applyFill="0" applyBorder="0" applyAlignment="0" applyProtection="0">
      <alignment vertical="center"/>
    </xf>
  </cellStyleXfs>
  <cellXfs count="91">
    <xf numFmtId="0" fontId="0" fillId="0" borderId="0" xfId="0">
      <alignment vertical="center"/>
    </xf>
    <xf numFmtId="0" fontId="5" fillId="0" borderId="1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right" vertical="center"/>
    </xf>
    <xf numFmtId="0" fontId="0" fillId="0" borderId="1" xfId="0" applyFill="1" applyBorder="1" applyAlignment="1">
      <alignment horizontal="center" vertical="center"/>
    </xf>
    <xf numFmtId="0" fontId="2" fillId="0" borderId="1" xfId="0" applyFont="1" applyFill="1" applyBorder="1" applyAlignment="1">
      <alignment horizontal="right" vertical="center"/>
    </xf>
    <xf numFmtId="0" fontId="0" fillId="0" borderId="1" xfId="0" applyFill="1" applyBorder="1" applyAlignment="1">
      <alignment vertical="center"/>
    </xf>
    <xf numFmtId="0" fontId="0" fillId="0" borderId="2" xfId="0" applyFill="1" applyBorder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0" fontId="0" fillId="0" borderId="3" xfId="0" applyFill="1" applyBorder="1" applyAlignment="1">
      <alignment horizontal="center" vertical="center"/>
    </xf>
    <xf numFmtId="0" fontId="0" fillId="0" borderId="0" xfId="0" applyFill="1">
      <alignment vertical="center"/>
    </xf>
    <xf numFmtId="0" fontId="3" fillId="0" borderId="4" xfId="0" applyFont="1" applyFill="1" applyBorder="1" applyAlignment="1">
      <alignment horizontal="center" vertical="center"/>
    </xf>
    <xf numFmtId="0" fontId="12" fillId="0" borderId="4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right" vertical="center"/>
    </xf>
    <xf numFmtId="0" fontId="8" fillId="0" borderId="1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vertical="center"/>
    </xf>
    <xf numFmtId="0" fontId="9" fillId="0" borderId="5" xfId="0" applyFont="1" applyFill="1" applyBorder="1" applyAlignment="1">
      <alignment horizontal="left" vertical="center"/>
    </xf>
    <xf numFmtId="0" fontId="3" fillId="0" borderId="1" xfId="0" applyFont="1" applyFill="1" applyBorder="1" applyAlignment="1">
      <alignment vertical="center"/>
    </xf>
    <xf numFmtId="0" fontId="3" fillId="0" borderId="5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0" fillId="0" borderId="5" xfId="0" applyFill="1" applyBorder="1" applyAlignment="1">
      <alignment horizontal="center" vertical="center"/>
    </xf>
    <xf numFmtId="0" fontId="0" fillId="0" borderId="1" xfId="0" applyFill="1" applyBorder="1" applyAlignment="1">
      <alignment vertical="center" textRotation="255"/>
    </xf>
    <xf numFmtId="0" fontId="0" fillId="0" borderId="7" xfId="0" applyFill="1" applyBorder="1" applyAlignment="1">
      <alignment vertical="center" textRotation="255"/>
    </xf>
    <xf numFmtId="0" fontId="0" fillId="0" borderId="5" xfId="0" applyFill="1" applyBorder="1" applyAlignment="1">
      <alignment vertical="center"/>
    </xf>
    <xf numFmtId="0" fontId="0" fillId="0" borderId="7" xfId="0" applyFill="1" applyBorder="1" applyAlignment="1">
      <alignment vertical="center"/>
    </xf>
    <xf numFmtId="0" fontId="0" fillId="0" borderId="6" xfId="0" applyFill="1" applyBorder="1" applyAlignment="1">
      <alignment vertical="center"/>
    </xf>
    <xf numFmtId="0" fontId="1" fillId="0" borderId="2" xfId="0" applyFont="1" applyFill="1" applyBorder="1" applyAlignment="1">
      <alignment horizontal="left" vertical="center" indent="1"/>
    </xf>
    <xf numFmtId="0" fontId="1" fillId="0" borderId="8" xfId="0" applyFont="1" applyFill="1" applyBorder="1" applyAlignment="1">
      <alignment horizontal="left" vertical="center" indent="1"/>
    </xf>
    <xf numFmtId="0" fontId="0" fillId="0" borderId="9" xfId="0" applyFill="1" applyBorder="1" applyAlignment="1">
      <alignment vertical="center"/>
    </xf>
    <xf numFmtId="0" fontId="4" fillId="0" borderId="7" xfId="0" applyFont="1" applyFill="1" applyBorder="1" applyAlignment="1">
      <alignment horizontal="center" vertical="center"/>
    </xf>
    <xf numFmtId="0" fontId="2" fillId="0" borderId="6" xfId="0" applyFont="1" applyFill="1" applyBorder="1" applyAlignment="1">
      <alignment horizontal="right" vertical="center"/>
    </xf>
    <xf numFmtId="0" fontId="14" fillId="0" borderId="8" xfId="0" applyFont="1" applyFill="1" applyBorder="1" applyAlignment="1">
      <alignment horizontal="center" vertical="center" shrinkToFit="1"/>
    </xf>
    <xf numFmtId="0" fontId="14" fillId="0" borderId="9" xfId="0" applyFont="1" applyFill="1" applyBorder="1" applyAlignment="1">
      <alignment horizontal="center" vertical="center" shrinkToFit="1"/>
    </xf>
    <xf numFmtId="0" fontId="0" fillId="0" borderId="5" xfId="0" applyFill="1" applyBorder="1" applyAlignment="1">
      <alignment horizontal="left" vertical="center"/>
    </xf>
    <xf numFmtId="0" fontId="1" fillId="0" borderId="3" xfId="0" applyFont="1" applyFill="1" applyBorder="1" applyAlignment="1">
      <alignment horizontal="left" vertical="center" indent="1"/>
    </xf>
    <xf numFmtId="0" fontId="0" fillId="0" borderId="4" xfId="0" applyFill="1" applyBorder="1" applyAlignment="1">
      <alignment horizontal="center" vertical="center"/>
    </xf>
    <xf numFmtId="0" fontId="0" fillId="0" borderId="6" xfId="0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 shrinkToFit="1"/>
    </xf>
    <xf numFmtId="0" fontId="4" fillId="0" borderId="12" xfId="0" applyFont="1" applyFill="1" applyBorder="1" applyAlignment="1">
      <alignment horizontal="center" vertical="center" shrinkToFit="1"/>
    </xf>
    <xf numFmtId="0" fontId="4" fillId="0" borderId="13" xfId="0" applyFont="1" applyFill="1" applyBorder="1" applyAlignment="1">
      <alignment horizontal="center" vertical="center" shrinkToFit="1"/>
    </xf>
    <xf numFmtId="0" fontId="4" fillId="0" borderId="11" xfId="0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13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center" vertical="center"/>
    </xf>
    <xf numFmtId="0" fontId="9" fillId="0" borderId="3" xfId="0" applyFont="1" applyFill="1" applyBorder="1" applyAlignment="1">
      <alignment horizontal="center" vertical="center"/>
    </xf>
    <xf numFmtId="0" fontId="0" fillId="0" borderId="0" xfId="0" applyFill="1" applyBorder="1" applyAlignment="1">
      <alignment horizontal="left" vertical="center"/>
    </xf>
    <xf numFmtId="0" fontId="0" fillId="0" borderId="5" xfId="0" applyFill="1" applyBorder="1" applyAlignment="1">
      <alignment horizontal="left" vertical="center"/>
    </xf>
    <xf numFmtId="0" fontId="0" fillId="0" borderId="3" xfId="0" applyFill="1" applyBorder="1" applyAlignment="1">
      <alignment horizontal="left" vertical="center"/>
    </xf>
    <xf numFmtId="0" fontId="0" fillId="0" borderId="6" xfId="0" applyFill="1" applyBorder="1" applyAlignment="1">
      <alignment horizontal="left" vertical="center"/>
    </xf>
    <xf numFmtId="0" fontId="0" fillId="0" borderId="11" xfId="0" applyFill="1" applyBorder="1" applyAlignment="1">
      <alignment horizontal="center" vertical="center" textRotation="255"/>
    </xf>
    <xf numFmtId="0" fontId="0" fillId="0" borderId="13" xfId="0" applyFill="1" applyBorder="1" applyAlignment="1">
      <alignment horizontal="center" vertical="center" textRotation="255"/>
    </xf>
    <xf numFmtId="0" fontId="0" fillId="0" borderId="12" xfId="0" applyFill="1" applyBorder="1" applyAlignment="1">
      <alignment horizontal="center" vertical="center" textRotation="255"/>
    </xf>
    <xf numFmtId="0" fontId="0" fillId="0" borderId="1" xfId="0" applyFill="1" applyBorder="1" applyAlignment="1">
      <alignment horizontal="left" vertical="center"/>
    </xf>
    <xf numFmtId="0" fontId="1" fillId="0" borderId="14" xfId="0" applyFont="1" applyFill="1" applyBorder="1" applyAlignment="1">
      <alignment horizontal="left" vertical="center" indent="1"/>
    </xf>
    <xf numFmtId="0" fontId="1" fillId="0" borderId="15" xfId="0" applyFont="1" applyFill="1" applyBorder="1" applyAlignment="1">
      <alignment horizontal="left" vertical="center" indent="1"/>
    </xf>
    <xf numFmtId="0" fontId="1" fillId="0" borderId="16" xfId="0" applyFont="1" applyFill="1" applyBorder="1" applyAlignment="1">
      <alignment horizontal="left" vertical="center" indent="1"/>
    </xf>
    <xf numFmtId="6" fontId="1" fillId="0" borderId="11" xfId="1" applyFont="1" applyFill="1" applyBorder="1" applyAlignment="1">
      <alignment horizontal="center" vertical="center" textRotation="255"/>
    </xf>
    <xf numFmtId="6" fontId="1" fillId="0" borderId="13" xfId="1" applyFill="1" applyBorder="1" applyAlignment="1">
      <alignment horizontal="center" vertical="center" textRotation="255"/>
    </xf>
    <xf numFmtId="6" fontId="1" fillId="0" borderId="12" xfId="1" applyFill="1" applyBorder="1" applyAlignment="1">
      <alignment horizontal="center" vertical="center" textRotation="255"/>
    </xf>
    <xf numFmtId="0" fontId="0" fillId="0" borderId="10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4" xfId="0" applyFont="1" applyFill="1" applyBorder="1" applyAlignment="1">
      <alignment horizontal="center" vertical="center"/>
    </xf>
    <xf numFmtId="0" fontId="1" fillId="0" borderId="7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/>
    </xf>
    <xf numFmtId="0" fontId="1" fillId="0" borderId="11" xfId="0" applyFont="1" applyFill="1" applyBorder="1" applyAlignment="1">
      <alignment horizontal="center" vertical="center" textRotation="255"/>
    </xf>
    <xf numFmtId="0" fontId="1" fillId="0" borderId="13" xfId="0" applyFont="1" applyFill="1" applyBorder="1" applyAlignment="1">
      <alignment horizontal="center" vertical="center" textRotation="255"/>
    </xf>
    <xf numFmtId="0" fontId="1" fillId="0" borderId="12" xfId="0" applyFont="1" applyFill="1" applyBorder="1" applyAlignment="1">
      <alignment horizontal="center" vertical="center" textRotation="255"/>
    </xf>
    <xf numFmtId="0" fontId="10" fillId="0" borderId="14" xfId="0" applyFont="1" applyFill="1" applyBorder="1" applyAlignment="1">
      <alignment horizontal="left" vertical="center" indent="1"/>
    </xf>
    <xf numFmtId="0" fontId="10" fillId="0" borderId="15" xfId="0" applyFont="1" applyFill="1" applyBorder="1" applyAlignment="1">
      <alignment horizontal="left" vertical="center" indent="1"/>
    </xf>
    <xf numFmtId="0" fontId="10" fillId="0" borderId="16" xfId="0" applyFont="1" applyFill="1" applyBorder="1" applyAlignment="1">
      <alignment horizontal="left" vertical="center" indent="1"/>
    </xf>
    <xf numFmtId="0" fontId="9" fillId="0" borderId="14" xfId="0" applyFont="1" applyFill="1" applyBorder="1" applyAlignment="1">
      <alignment horizontal="left" vertical="center" indent="1"/>
    </xf>
    <xf numFmtId="0" fontId="9" fillId="0" borderId="15" xfId="0" applyFont="1" applyFill="1" applyBorder="1" applyAlignment="1">
      <alignment horizontal="left" vertical="center" indent="1"/>
    </xf>
    <xf numFmtId="0" fontId="9" fillId="0" borderId="16" xfId="0" applyFont="1" applyFill="1" applyBorder="1" applyAlignment="1">
      <alignment horizontal="left" vertical="center" indent="1"/>
    </xf>
    <xf numFmtId="0" fontId="2" fillId="0" borderId="11" xfId="0" applyFont="1" applyFill="1" applyBorder="1" applyAlignment="1">
      <alignment horizontal="center" vertical="center" textRotation="255"/>
    </xf>
    <xf numFmtId="0" fontId="2" fillId="0" borderId="13" xfId="0" applyFont="1" applyFill="1" applyBorder="1" applyAlignment="1">
      <alignment horizontal="center" vertical="center" textRotation="255"/>
    </xf>
    <xf numFmtId="0" fontId="2" fillId="0" borderId="12" xfId="0" applyFont="1" applyFill="1" applyBorder="1" applyAlignment="1">
      <alignment horizontal="center" vertical="center" textRotation="255"/>
    </xf>
    <xf numFmtId="0" fontId="1" fillId="0" borderId="7" xfId="0" applyFont="1" applyFill="1" applyBorder="1" applyAlignment="1">
      <alignment horizontal="left" vertical="center" indent="1"/>
    </xf>
    <xf numFmtId="0" fontId="1" fillId="0" borderId="3" xfId="0" applyFont="1" applyFill="1" applyBorder="1" applyAlignment="1">
      <alignment horizontal="left" vertical="center" indent="1"/>
    </xf>
    <xf numFmtId="0" fontId="5" fillId="0" borderId="10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right" vertical="center"/>
    </xf>
    <xf numFmtId="0" fontId="7" fillId="0" borderId="6" xfId="0" applyFont="1" applyFill="1" applyBorder="1" applyAlignment="1">
      <alignment horizontal="right" vertical="center"/>
    </xf>
    <xf numFmtId="0" fontId="1" fillId="0" borderId="14" xfId="0" applyFont="1" applyFill="1" applyBorder="1" applyAlignment="1">
      <alignment horizontal="center" vertical="center"/>
    </xf>
    <xf numFmtId="0" fontId="1" fillId="0" borderId="16" xfId="0" applyFont="1" applyFill="1" applyBorder="1" applyAlignment="1">
      <alignment horizontal="center" vertical="center"/>
    </xf>
  </cellXfs>
  <cellStyles count="2">
    <cellStyle name="通貨" xfId="1" builtinId="7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AK50"/>
  <sheetViews>
    <sheetView tabSelected="1" zoomScaleNormal="100" workbookViewId="0">
      <selection activeCell="AC15" sqref="AC15:AD15"/>
    </sheetView>
  </sheetViews>
  <sheetFormatPr defaultRowHeight="13.5" x14ac:dyDescent="0.15"/>
  <cols>
    <col min="1" max="1" width="0.625" style="9" customWidth="1"/>
    <col min="2" max="2" width="3" style="9" customWidth="1"/>
    <col min="3" max="3" width="38.125" style="9" customWidth="1"/>
    <col min="4" max="4" width="1.5" style="9" customWidth="1"/>
    <col min="5" max="5" width="5" style="9" customWidth="1"/>
    <col min="6" max="6" width="5.875" style="9" customWidth="1"/>
    <col min="7" max="38" width="3" style="9" customWidth="1"/>
    <col min="39" max="16384" width="9" style="9"/>
  </cols>
  <sheetData>
    <row r="1" spans="2:37" ht="18.75" x14ac:dyDescent="0.15">
      <c r="B1" s="37" t="s">
        <v>53</v>
      </c>
      <c r="C1" s="38"/>
      <c r="D1" s="10"/>
      <c r="E1" s="41" t="s">
        <v>0</v>
      </c>
      <c r="F1" s="11"/>
      <c r="G1" s="83"/>
      <c r="H1" s="84"/>
      <c r="I1" s="83"/>
      <c r="J1" s="84"/>
      <c r="K1" s="83"/>
      <c r="L1" s="84"/>
      <c r="M1" s="83"/>
      <c r="N1" s="84"/>
      <c r="O1" s="83"/>
      <c r="P1" s="84"/>
      <c r="Q1" s="83"/>
      <c r="R1" s="84"/>
      <c r="S1" s="83"/>
      <c r="T1" s="84"/>
      <c r="U1" s="83"/>
      <c r="V1" s="84"/>
      <c r="W1" s="83"/>
      <c r="X1" s="84"/>
      <c r="Y1" s="83"/>
      <c r="Z1" s="84"/>
      <c r="AA1" s="83"/>
      <c r="AB1" s="84"/>
      <c r="AC1" s="83"/>
      <c r="AD1" s="84"/>
      <c r="AE1" s="83"/>
      <c r="AF1" s="84"/>
      <c r="AG1" s="83"/>
      <c r="AH1" s="84"/>
      <c r="AI1" s="83"/>
      <c r="AJ1" s="84"/>
      <c r="AK1" s="1"/>
    </row>
    <row r="2" spans="2:37" ht="10.5" customHeight="1" x14ac:dyDescent="0.15">
      <c r="B2" s="39"/>
      <c r="C2" s="40"/>
      <c r="D2" s="12"/>
      <c r="E2" s="42"/>
      <c r="F2" s="13" t="s">
        <v>1</v>
      </c>
      <c r="G2" s="87" t="s">
        <v>2</v>
      </c>
      <c r="H2" s="88"/>
      <c r="I2" s="87" t="s">
        <v>2</v>
      </c>
      <c r="J2" s="88"/>
      <c r="K2" s="87" t="s">
        <v>2</v>
      </c>
      <c r="L2" s="88"/>
      <c r="M2" s="87" t="s">
        <v>2</v>
      </c>
      <c r="N2" s="88"/>
      <c r="O2" s="87" t="s">
        <v>2</v>
      </c>
      <c r="P2" s="88"/>
      <c r="Q2" s="87" t="s">
        <v>2</v>
      </c>
      <c r="R2" s="88"/>
      <c r="S2" s="87" t="s">
        <v>2</v>
      </c>
      <c r="T2" s="88"/>
      <c r="U2" s="87" t="s">
        <v>2</v>
      </c>
      <c r="V2" s="88"/>
      <c r="W2" s="87" t="s">
        <v>2</v>
      </c>
      <c r="X2" s="88"/>
      <c r="Y2" s="87" t="s">
        <v>2</v>
      </c>
      <c r="Z2" s="88"/>
      <c r="AA2" s="87" t="s">
        <v>2</v>
      </c>
      <c r="AB2" s="88"/>
      <c r="AC2" s="87" t="s">
        <v>2</v>
      </c>
      <c r="AD2" s="88"/>
      <c r="AE2" s="87" t="s">
        <v>2</v>
      </c>
      <c r="AF2" s="88"/>
      <c r="AG2" s="87" t="s">
        <v>2</v>
      </c>
      <c r="AH2" s="88"/>
      <c r="AI2" s="87" t="s">
        <v>2</v>
      </c>
      <c r="AJ2" s="88"/>
      <c r="AK2" s="2"/>
    </row>
    <row r="3" spans="2:37" ht="10.5" customHeight="1" x14ac:dyDescent="0.15">
      <c r="B3" s="14"/>
      <c r="C3" s="15"/>
      <c r="D3" s="16"/>
      <c r="E3" s="41" t="s">
        <v>3</v>
      </c>
      <c r="F3" s="44" t="s">
        <v>4</v>
      </c>
      <c r="G3" s="85"/>
      <c r="H3" s="86"/>
      <c r="I3" s="85"/>
      <c r="J3" s="86"/>
      <c r="K3" s="85"/>
      <c r="L3" s="86"/>
      <c r="M3" s="85"/>
      <c r="N3" s="86"/>
      <c r="O3" s="85"/>
      <c r="P3" s="86"/>
      <c r="Q3" s="85"/>
      <c r="R3" s="86"/>
      <c r="S3" s="85"/>
      <c r="T3" s="86"/>
      <c r="U3" s="85"/>
      <c r="V3" s="86"/>
      <c r="W3" s="85"/>
      <c r="X3" s="86"/>
      <c r="Y3" s="85"/>
      <c r="Z3" s="86"/>
      <c r="AA3" s="85"/>
      <c r="AB3" s="86"/>
      <c r="AC3" s="85"/>
      <c r="AD3" s="86"/>
      <c r="AE3" s="85"/>
      <c r="AF3" s="86"/>
      <c r="AG3" s="85"/>
      <c r="AH3" s="86"/>
      <c r="AI3" s="85"/>
      <c r="AJ3" s="86"/>
      <c r="AK3" s="3"/>
    </row>
    <row r="4" spans="2:37" ht="10.5" customHeight="1" x14ac:dyDescent="0.15">
      <c r="B4" s="17"/>
      <c r="C4" s="46" t="s">
        <v>52</v>
      </c>
      <c r="D4" s="16"/>
      <c r="E4" s="43"/>
      <c r="F4" s="45"/>
      <c r="G4" s="29"/>
      <c r="H4" s="30" t="s">
        <v>5</v>
      </c>
      <c r="I4" s="29"/>
      <c r="J4" s="30" t="s">
        <v>5</v>
      </c>
      <c r="K4" s="29"/>
      <c r="L4" s="30" t="s">
        <v>5</v>
      </c>
      <c r="M4" s="29"/>
      <c r="N4" s="30" t="s">
        <v>5</v>
      </c>
      <c r="O4" s="29"/>
      <c r="P4" s="30" t="s">
        <v>5</v>
      </c>
      <c r="Q4" s="29"/>
      <c r="R4" s="30" t="s">
        <v>5</v>
      </c>
      <c r="S4" s="29"/>
      <c r="T4" s="30" t="s">
        <v>5</v>
      </c>
      <c r="U4" s="29"/>
      <c r="V4" s="30" t="s">
        <v>5</v>
      </c>
      <c r="W4" s="29"/>
      <c r="X4" s="30" t="s">
        <v>5</v>
      </c>
      <c r="Y4" s="29"/>
      <c r="Z4" s="30" t="s">
        <v>5</v>
      </c>
      <c r="AA4" s="29"/>
      <c r="AB4" s="30" t="s">
        <v>5</v>
      </c>
      <c r="AC4" s="29"/>
      <c r="AD4" s="30" t="s">
        <v>5</v>
      </c>
      <c r="AE4" s="29"/>
      <c r="AF4" s="30" t="s">
        <v>5</v>
      </c>
      <c r="AG4" s="29"/>
      <c r="AH4" s="30" t="s">
        <v>5</v>
      </c>
      <c r="AI4" s="29"/>
      <c r="AJ4" s="30" t="s">
        <v>5</v>
      </c>
      <c r="AK4" s="4"/>
    </row>
    <row r="5" spans="2:37" ht="10.5" customHeight="1" x14ac:dyDescent="0.15">
      <c r="B5" s="17"/>
      <c r="C5" s="47"/>
      <c r="D5" s="18"/>
      <c r="E5" s="43"/>
      <c r="F5" s="44" t="s">
        <v>6</v>
      </c>
      <c r="G5" s="85"/>
      <c r="H5" s="86"/>
      <c r="I5" s="85"/>
      <c r="J5" s="86"/>
      <c r="K5" s="85"/>
      <c r="L5" s="86"/>
      <c r="M5" s="85"/>
      <c r="N5" s="86"/>
      <c r="O5" s="85"/>
      <c r="P5" s="86"/>
      <c r="Q5" s="85"/>
      <c r="R5" s="86"/>
      <c r="S5" s="85"/>
      <c r="T5" s="86"/>
      <c r="U5" s="85"/>
      <c r="V5" s="86"/>
      <c r="W5" s="85"/>
      <c r="X5" s="86"/>
      <c r="Y5" s="85"/>
      <c r="Z5" s="86"/>
      <c r="AA5" s="85"/>
      <c r="AB5" s="86"/>
      <c r="AC5" s="85"/>
      <c r="AD5" s="86"/>
      <c r="AE5" s="85"/>
      <c r="AF5" s="86"/>
      <c r="AG5" s="85"/>
      <c r="AH5" s="86"/>
      <c r="AI5" s="85"/>
      <c r="AJ5" s="86"/>
      <c r="AK5" s="4"/>
    </row>
    <row r="6" spans="2:37" ht="10.5" customHeight="1" x14ac:dyDescent="0.15">
      <c r="B6" s="17"/>
      <c r="C6" s="48"/>
      <c r="D6" s="12"/>
      <c r="E6" s="43"/>
      <c r="F6" s="45"/>
      <c r="G6" s="29"/>
      <c r="H6" s="30" t="s">
        <v>7</v>
      </c>
      <c r="I6" s="29"/>
      <c r="J6" s="30" t="s">
        <v>7</v>
      </c>
      <c r="K6" s="29"/>
      <c r="L6" s="30" t="s">
        <v>7</v>
      </c>
      <c r="M6" s="29"/>
      <c r="N6" s="30" t="s">
        <v>7</v>
      </c>
      <c r="O6" s="29"/>
      <c r="P6" s="30" t="s">
        <v>7</v>
      </c>
      <c r="Q6" s="29"/>
      <c r="R6" s="30" t="s">
        <v>7</v>
      </c>
      <c r="S6" s="29"/>
      <c r="T6" s="30" t="s">
        <v>7</v>
      </c>
      <c r="U6" s="29"/>
      <c r="V6" s="30" t="s">
        <v>7</v>
      </c>
      <c r="W6" s="29"/>
      <c r="X6" s="30" t="s">
        <v>7</v>
      </c>
      <c r="Y6" s="29"/>
      <c r="Z6" s="30" t="s">
        <v>7</v>
      </c>
      <c r="AA6" s="29"/>
      <c r="AB6" s="30" t="s">
        <v>7</v>
      </c>
      <c r="AC6" s="29"/>
      <c r="AD6" s="30" t="s">
        <v>7</v>
      </c>
      <c r="AE6" s="29"/>
      <c r="AF6" s="30" t="s">
        <v>7</v>
      </c>
      <c r="AG6" s="29"/>
      <c r="AH6" s="30" t="s">
        <v>7</v>
      </c>
      <c r="AI6" s="29"/>
      <c r="AJ6" s="30" t="s">
        <v>7</v>
      </c>
      <c r="AK6" s="4"/>
    </row>
    <row r="7" spans="2:37" ht="10.5" customHeight="1" x14ac:dyDescent="0.15">
      <c r="B7" s="17"/>
      <c r="C7" s="19"/>
      <c r="D7" s="12"/>
      <c r="E7" s="43"/>
      <c r="F7" s="44" t="s">
        <v>8</v>
      </c>
      <c r="G7" s="85"/>
      <c r="H7" s="86"/>
      <c r="I7" s="85"/>
      <c r="J7" s="86"/>
      <c r="K7" s="85"/>
      <c r="L7" s="86"/>
      <c r="M7" s="85"/>
      <c r="N7" s="86"/>
      <c r="O7" s="85"/>
      <c r="P7" s="86"/>
      <c r="Q7" s="85"/>
      <c r="R7" s="86"/>
      <c r="S7" s="85"/>
      <c r="T7" s="86"/>
      <c r="U7" s="85"/>
      <c r="V7" s="86"/>
      <c r="W7" s="85"/>
      <c r="X7" s="86"/>
      <c r="Y7" s="85"/>
      <c r="Z7" s="86"/>
      <c r="AA7" s="85"/>
      <c r="AB7" s="86"/>
      <c r="AC7" s="85"/>
      <c r="AD7" s="86"/>
      <c r="AE7" s="85"/>
      <c r="AF7" s="86"/>
      <c r="AG7" s="85"/>
      <c r="AH7" s="86"/>
      <c r="AI7" s="85"/>
      <c r="AJ7" s="86"/>
      <c r="AK7" s="4"/>
    </row>
    <row r="8" spans="2:37" ht="10.5" customHeight="1" x14ac:dyDescent="0.15">
      <c r="B8" s="39" t="s">
        <v>54</v>
      </c>
      <c r="C8" s="40"/>
      <c r="D8" s="12"/>
      <c r="E8" s="43"/>
      <c r="F8" s="45"/>
      <c r="G8" s="29"/>
      <c r="H8" s="30" t="s">
        <v>5</v>
      </c>
      <c r="I8" s="29"/>
      <c r="J8" s="30" t="s">
        <v>5</v>
      </c>
      <c r="K8" s="29"/>
      <c r="L8" s="30" t="s">
        <v>5</v>
      </c>
      <c r="M8" s="29"/>
      <c r="N8" s="30" t="s">
        <v>5</v>
      </c>
      <c r="O8" s="29"/>
      <c r="P8" s="30" t="s">
        <v>5</v>
      </c>
      <c r="Q8" s="29"/>
      <c r="R8" s="30" t="s">
        <v>5</v>
      </c>
      <c r="S8" s="29"/>
      <c r="T8" s="30" t="s">
        <v>5</v>
      </c>
      <c r="U8" s="29"/>
      <c r="V8" s="30" t="s">
        <v>5</v>
      </c>
      <c r="W8" s="29"/>
      <c r="X8" s="30" t="s">
        <v>5</v>
      </c>
      <c r="Y8" s="29"/>
      <c r="Z8" s="30" t="s">
        <v>5</v>
      </c>
      <c r="AA8" s="29"/>
      <c r="AB8" s="30" t="s">
        <v>5</v>
      </c>
      <c r="AC8" s="29"/>
      <c r="AD8" s="30" t="s">
        <v>5</v>
      </c>
      <c r="AE8" s="29"/>
      <c r="AF8" s="30" t="s">
        <v>5</v>
      </c>
      <c r="AG8" s="29"/>
      <c r="AH8" s="30" t="s">
        <v>5</v>
      </c>
      <c r="AI8" s="29"/>
      <c r="AJ8" s="30" t="s">
        <v>5</v>
      </c>
      <c r="AK8" s="4"/>
    </row>
    <row r="9" spans="2:37" ht="10.5" customHeight="1" x14ac:dyDescent="0.15">
      <c r="B9" s="39"/>
      <c r="C9" s="40"/>
      <c r="D9" s="20"/>
      <c r="E9" s="43"/>
      <c r="F9" s="44" t="s">
        <v>9</v>
      </c>
      <c r="G9" s="85"/>
      <c r="H9" s="86"/>
      <c r="I9" s="85"/>
      <c r="J9" s="86"/>
      <c r="K9" s="85"/>
      <c r="L9" s="86"/>
      <c r="M9" s="85"/>
      <c r="N9" s="86"/>
      <c r="O9" s="85"/>
      <c r="P9" s="86"/>
      <c r="Q9" s="85"/>
      <c r="R9" s="86"/>
      <c r="S9" s="85"/>
      <c r="T9" s="86"/>
      <c r="U9" s="85"/>
      <c r="V9" s="86"/>
      <c r="W9" s="85"/>
      <c r="X9" s="86"/>
      <c r="Y9" s="85"/>
      <c r="Z9" s="86"/>
      <c r="AA9" s="85"/>
      <c r="AB9" s="86"/>
      <c r="AC9" s="85"/>
      <c r="AD9" s="86"/>
      <c r="AE9" s="85"/>
      <c r="AF9" s="86"/>
      <c r="AG9" s="85"/>
      <c r="AH9" s="86"/>
      <c r="AI9" s="85"/>
      <c r="AJ9" s="86"/>
      <c r="AK9" s="4"/>
    </row>
    <row r="10" spans="2:37" ht="10.5" customHeight="1" x14ac:dyDescent="0.15">
      <c r="B10" s="39"/>
      <c r="C10" s="40"/>
      <c r="D10" s="20"/>
      <c r="E10" s="42"/>
      <c r="F10" s="45"/>
      <c r="G10" s="29"/>
      <c r="H10" s="30" t="s">
        <v>5</v>
      </c>
      <c r="I10" s="29"/>
      <c r="J10" s="30" t="s">
        <v>5</v>
      </c>
      <c r="K10" s="29"/>
      <c r="L10" s="30" t="s">
        <v>5</v>
      </c>
      <c r="M10" s="29"/>
      <c r="N10" s="30" t="s">
        <v>5</v>
      </c>
      <c r="O10" s="29"/>
      <c r="P10" s="30" t="s">
        <v>5</v>
      </c>
      <c r="Q10" s="29"/>
      <c r="R10" s="30" t="s">
        <v>5</v>
      </c>
      <c r="S10" s="29"/>
      <c r="T10" s="30" t="s">
        <v>5</v>
      </c>
      <c r="U10" s="29"/>
      <c r="V10" s="30" t="s">
        <v>5</v>
      </c>
      <c r="W10" s="29"/>
      <c r="X10" s="30" t="s">
        <v>5</v>
      </c>
      <c r="Y10" s="29"/>
      <c r="Z10" s="30" t="s">
        <v>5</v>
      </c>
      <c r="AA10" s="29"/>
      <c r="AB10" s="30" t="s">
        <v>5</v>
      </c>
      <c r="AC10" s="29"/>
      <c r="AD10" s="30" t="s">
        <v>5</v>
      </c>
      <c r="AE10" s="29"/>
      <c r="AF10" s="30" t="s">
        <v>5</v>
      </c>
      <c r="AG10" s="29"/>
      <c r="AH10" s="30" t="s">
        <v>5</v>
      </c>
      <c r="AI10" s="29"/>
      <c r="AJ10" s="30" t="s">
        <v>5</v>
      </c>
      <c r="AK10" s="4"/>
    </row>
    <row r="11" spans="2:37" ht="10.5" customHeight="1" x14ac:dyDescent="0.15">
      <c r="B11" s="21"/>
      <c r="C11" s="49" t="s">
        <v>10</v>
      </c>
      <c r="D11" s="50"/>
      <c r="E11" s="41" t="s">
        <v>11</v>
      </c>
      <c r="F11" s="44" t="s">
        <v>4</v>
      </c>
      <c r="G11" s="85"/>
      <c r="H11" s="86"/>
      <c r="I11" s="85"/>
      <c r="J11" s="86"/>
      <c r="K11" s="85"/>
      <c r="L11" s="86"/>
      <c r="M11" s="85"/>
      <c r="N11" s="86"/>
      <c r="O11" s="85"/>
      <c r="P11" s="86"/>
      <c r="Q11" s="85"/>
      <c r="R11" s="86"/>
      <c r="S11" s="85"/>
      <c r="T11" s="86"/>
      <c r="U11" s="85"/>
      <c r="V11" s="86"/>
      <c r="W11" s="85"/>
      <c r="X11" s="86"/>
      <c r="Y11" s="85"/>
      <c r="Z11" s="86"/>
      <c r="AA11" s="85"/>
      <c r="AB11" s="86"/>
      <c r="AC11" s="85"/>
      <c r="AD11" s="86"/>
      <c r="AE11" s="85"/>
      <c r="AF11" s="86"/>
      <c r="AG11" s="85"/>
      <c r="AH11" s="86"/>
      <c r="AI11" s="85"/>
      <c r="AJ11" s="86"/>
      <c r="AK11" s="4"/>
    </row>
    <row r="12" spans="2:37" ht="10.5" customHeight="1" x14ac:dyDescent="0.15">
      <c r="B12" s="22"/>
      <c r="C12" s="51"/>
      <c r="D12" s="52"/>
      <c r="E12" s="43"/>
      <c r="F12" s="45"/>
      <c r="G12" s="29"/>
      <c r="H12" s="30" t="s">
        <v>5</v>
      </c>
      <c r="I12" s="29"/>
      <c r="J12" s="30" t="s">
        <v>5</v>
      </c>
      <c r="K12" s="29"/>
      <c r="L12" s="30" t="s">
        <v>5</v>
      </c>
      <c r="M12" s="29"/>
      <c r="N12" s="30" t="s">
        <v>5</v>
      </c>
      <c r="O12" s="29"/>
      <c r="P12" s="30" t="s">
        <v>5</v>
      </c>
      <c r="Q12" s="29"/>
      <c r="R12" s="30" t="s">
        <v>5</v>
      </c>
      <c r="S12" s="29"/>
      <c r="T12" s="30" t="s">
        <v>5</v>
      </c>
      <c r="U12" s="29"/>
      <c r="V12" s="30" t="s">
        <v>5</v>
      </c>
      <c r="W12" s="29"/>
      <c r="X12" s="30" t="s">
        <v>5</v>
      </c>
      <c r="Y12" s="29"/>
      <c r="Z12" s="30" t="s">
        <v>5</v>
      </c>
      <c r="AA12" s="29"/>
      <c r="AB12" s="30" t="s">
        <v>5</v>
      </c>
      <c r="AC12" s="29"/>
      <c r="AD12" s="30" t="s">
        <v>5</v>
      </c>
      <c r="AE12" s="29"/>
      <c r="AF12" s="30" t="s">
        <v>5</v>
      </c>
      <c r="AG12" s="29"/>
      <c r="AH12" s="30" t="s">
        <v>5</v>
      </c>
      <c r="AI12" s="29"/>
      <c r="AJ12" s="30" t="s">
        <v>5</v>
      </c>
      <c r="AK12" s="4"/>
    </row>
    <row r="13" spans="2:37" ht="10.5" customHeight="1" x14ac:dyDescent="0.15">
      <c r="B13" s="53" t="s">
        <v>12</v>
      </c>
      <c r="C13" s="56" t="s">
        <v>13</v>
      </c>
      <c r="D13" s="33"/>
      <c r="E13" s="43"/>
      <c r="F13" s="44" t="s">
        <v>6</v>
      </c>
      <c r="G13" s="85"/>
      <c r="H13" s="86"/>
      <c r="I13" s="85"/>
      <c r="J13" s="86"/>
      <c r="K13" s="85"/>
      <c r="L13" s="86"/>
      <c r="M13" s="85"/>
      <c r="N13" s="86"/>
      <c r="O13" s="85"/>
      <c r="P13" s="86"/>
      <c r="Q13" s="85"/>
      <c r="R13" s="86"/>
      <c r="S13" s="85"/>
      <c r="T13" s="86"/>
      <c r="U13" s="85"/>
      <c r="V13" s="86"/>
      <c r="W13" s="85"/>
      <c r="X13" s="86"/>
      <c r="Y13" s="85"/>
      <c r="Z13" s="86"/>
      <c r="AA13" s="85"/>
      <c r="AB13" s="86"/>
      <c r="AC13" s="85"/>
      <c r="AD13" s="86"/>
      <c r="AE13" s="85"/>
      <c r="AF13" s="86"/>
      <c r="AG13" s="85"/>
      <c r="AH13" s="86"/>
      <c r="AI13" s="85"/>
      <c r="AJ13" s="86"/>
      <c r="AK13" s="4"/>
    </row>
    <row r="14" spans="2:37" ht="10.5" customHeight="1" x14ac:dyDescent="0.15">
      <c r="B14" s="54"/>
      <c r="C14" s="56"/>
      <c r="D14" s="33"/>
      <c r="E14" s="42"/>
      <c r="F14" s="45"/>
      <c r="G14" s="29"/>
      <c r="H14" s="30" t="s">
        <v>7</v>
      </c>
      <c r="I14" s="29"/>
      <c r="J14" s="30" t="s">
        <v>7</v>
      </c>
      <c r="K14" s="29"/>
      <c r="L14" s="30" t="s">
        <v>7</v>
      </c>
      <c r="M14" s="29"/>
      <c r="N14" s="30" t="s">
        <v>7</v>
      </c>
      <c r="O14" s="29"/>
      <c r="P14" s="30" t="s">
        <v>7</v>
      </c>
      <c r="Q14" s="29"/>
      <c r="R14" s="30" t="s">
        <v>7</v>
      </c>
      <c r="S14" s="29"/>
      <c r="T14" s="30" t="s">
        <v>7</v>
      </c>
      <c r="U14" s="29"/>
      <c r="V14" s="30" t="s">
        <v>7</v>
      </c>
      <c r="W14" s="29"/>
      <c r="X14" s="30" t="s">
        <v>7</v>
      </c>
      <c r="Y14" s="29"/>
      <c r="Z14" s="30" t="s">
        <v>7</v>
      </c>
      <c r="AA14" s="29"/>
      <c r="AB14" s="30" t="s">
        <v>7</v>
      </c>
      <c r="AC14" s="29"/>
      <c r="AD14" s="30" t="s">
        <v>7</v>
      </c>
      <c r="AE14" s="29"/>
      <c r="AF14" s="30" t="s">
        <v>7</v>
      </c>
      <c r="AG14" s="29"/>
      <c r="AH14" s="30" t="s">
        <v>7</v>
      </c>
      <c r="AI14" s="29"/>
      <c r="AJ14" s="30" t="s">
        <v>7</v>
      </c>
      <c r="AK14" s="4"/>
    </row>
    <row r="15" spans="2:37" ht="10.5" customHeight="1" x14ac:dyDescent="0.15">
      <c r="B15" s="54"/>
      <c r="C15" s="5"/>
      <c r="D15" s="23"/>
      <c r="E15" s="41" t="s">
        <v>14</v>
      </c>
      <c r="F15" s="44" t="s">
        <v>8</v>
      </c>
      <c r="G15" s="85"/>
      <c r="H15" s="86"/>
      <c r="I15" s="85"/>
      <c r="J15" s="86"/>
      <c r="K15" s="85"/>
      <c r="L15" s="86"/>
      <c r="M15" s="85"/>
      <c r="N15" s="86"/>
      <c r="O15" s="85"/>
      <c r="P15" s="86"/>
      <c r="Q15" s="85"/>
      <c r="R15" s="86"/>
      <c r="S15" s="85"/>
      <c r="T15" s="86"/>
      <c r="U15" s="85"/>
      <c r="V15" s="86"/>
      <c r="W15" s="85"/>
      <c r="X15" s="86"/>
      <c r="Y15" s="85"/>
      <c r="Z15" s="86"/>
      <c r="AA15" s="85"/>
      <c r="AB15" s="86"/>
      <c r="AC15" s="85"/>
      <c r="AD15" s="86"/>
      <c r="AE15" s="85"/>
      <c r="AF15" s="86"/>
      <c r="AG15" s="85"/>
      <c r="AH15" s="86"/>
      <c r="AI15" s="85"/>
      <c r="AJ15" s="86"/>
      <c r="AK15" s="4"/>
    </row>
    <row r="16" spans="2:37" ht="10.5" customHeight="1" x14ac:dyDescent="0.15">
      <c r="B16" s="54"/>
      <c r="C16" s="5"/>
      <c r="D16" s="23"/>
      <c r="E16" s="43"/>
      <c r="F16" s="45"/>
      <c r="G16" s="29"/>
      <c r="H16" s="30" t="s">
        <v>5</v>
      </c>
      <c r="I16" s="29"/>
      <c r="J16" s="30" t="s">
        <v>5</v>
      </c>
      <c r="K16" s="29"/>
      <c r="L16" s="30" t="s">
        <v>5</v>
      </c>
      <c r="M16" s="29"/>
      <c r="N16" s="30" t="s">
        <v>5</v>
      </c>
      <c r="O16" s="29"/>
      <c r="P16" s="30" t="s">
        <v>5</v>
      </c>
      <c r="Q16" s="29"/>
      <c r="R16" s="30" t="s">
        <v>5</v>
      </c>
      <c r="S16" s="29"/>
      <c r="T16" s="30" t="s">
        <v>5</v>
      </c>
      <c r="U16" s="29"/>
      <c r="V16" s="30" t="s">
        <v>5</v>
      </c>
      <c r="W16" s="29"/>
      <c r="X16" s="30" t="s">
        <v>5</v>
      </c>
      <c r="Y16" s="29"/>
      <c r="Z16" s="30" t="s">
        <v>5</v>
      </c>
      <c r="AA16" s="29"/>
      <c r="AB16" s="30" t="s">
        <v>5</v>
      </c>
      <c r="AC16" s="29"/>
      <c r="AD16" s="30" t="s">
        <v>5</v>
      </c>
      <c r="AE16" s="29"/>
      <c r="AF16" s="30" t="s">
        <v>5</v>
      </c>
      <c r="AG16" s="29"/>
      <c r="AH16" s="30" t="s">
        <v>5</v>
      </c>
      <c r="AI16" s="29"/>
      <c r="AJ16" s="30" t="s">
        <v>5</v>
      </c>
      <c r="AK16" s="4"/>
    </row>
    <row r="17" spans="2:37" ht="10.5" customHeight="1" x14ac:dyDescent="0.15">
      <c r="B17" s="54"/>
      <c r="C17" s="5"/>
      <c r="D17" s="23"/>
      <c r="E17" s="43"/>
      <c r="F17" s="44" t="s">
        <v>9</v>
      </c>
      <c r="G17" s="85"/>
      <c r="H17" s="86"/>
      <c r="I17" s="85"/>
      <c r="J17" s="86"/>
      <c r="K17" s="85"/>
      <c r="L17" s="86"/>
      <c r="M17" s="85"/>
      <c r="N17" s="86"/>
      <c r="O17" s="85"/>
      <c r="P17" s="86"/>
      <c r="Q17" s="85"/>
      <c r="R17" s="86"/>
      <c r="S17" s="85"/>
      <c r="T17" s="86"/>
      <c r="U17" s="85"/>
      <c r="V17" s="86"/>
      <c r="W17" s="85"/>
      <c r="X17" s="86"/>
      <c r="Y17" s="85"/>
      <c r="Z17" s="86"/>
      <c r="AA17" s="85"/>
      <c r="AB17" s="86"/>
      <c r="AC17" s="85"/>
      <c r="AD17" s="86"/>
      <c r="AE17" s="85"/>
      <c r="AF17" s="86"/>
      <c r="AG17" s="85"/>
      <c r="AH17" s="86"/>
      <c r="AI17" s="85"/>
      <c r="AJ17" s="86"/>
      <c r="AK17" s="4"/>
    </row>
    <row r="18" spans="2:37" ht="10.5" customHeight="1" x14ac:dyDescent="0.15">
      <c r="B18" s="55"/>
      <c r="C18" s="24"/>
      <c r="D18" s="25"/>
      <c r="E18" s="42"/>
      <c r="F18" s="45"/>
      <c r="G18" s="29"/>
      <c r="H18" s="30" t="s">
        <v>5</v>
      </c>
      <c r="I18" s="29"/>
      <c r="J18" s="30" t="s">
        <v>5</v>
      </c>
      <c r="K18" s="29"/>
      <c r="L18" s="30" t="s">
        <v>5</v>
      </c>
      <c r="M18" s="29"/>
      <c r="N18" s="30" t="s">
        <v>5</v>
      </c>
      <c r="O18" s="29"/>
      <c r="P18" s="30" t="s">
        <v>5</v>
      </c>
      <c r="Q18" s="29"/>
      <c r="R18" s="30" t="s">
        <v>5</v>
      </c>
      <c r="S18" s="29"/>
      <c r="T18" s="30" t="s">
        <v>5</v>
      </c>
      <c r="U18" s="29"/>
      <c r="V18" s="30" t="s">
        <v>5</v>
      </c>
      <c r="W18" s="29"/>
      <c r="X18" s="30" t="s">
        <v>5</v>
      </c>
      <c r="Y18" s="29"/>
      <c r="Z18" s="30" t="s">
        <v>5</v>
      </c>
      <c r="AA18" s="29"/>
      <c r="AB18" s="30" t="s">
        <v>5</v>
      </c>
      <c r="AC18" s="29"/>
      <c r="AD18" s="30" t="s">
        <v>5</v>
      </c>
      <c r="AE18" s="29"/>
      <c r="AF18" s="30" t="s">
        <v>5</v>
      </c>
      <c r="AG18" s="29"/>
      <c r="AH18" s="30" t="s">
        <v>5</v>
      </c>
      <c r="AI18" s="29"/>
      <c r="AJ18" s="30" t="s">
        <v>5</v>
      </c>
      <c r="AK18" s="4"/>
    </row>
    <row r="19" spans="2:37" ht="15" customHeight="1" x14ac:dyDescent="0.15">
      <c r="B19" s="53" t="s">
        <v>15</v>
      </c>
      <c r="C19" s="57" t="s">
        <v>16</v>
      </c>
      <c r="D19" s="58"/>
      <c r="E19" s="58"/>
      <c r="F19" s="59"/>
      <c r="G19" s="89"/>
      <c r="H19" s="90"/>
      <c r="I19" s="89"/>
      <c r="J19" s="90"/>
      <c r="K19" s="89"/>
      <c r="L19" s="90"/>
      <c r="M19" s="89"/>
      <c r="N19" s="90"/>
      <c r="O19" s="89"/>
      <c r="P19" s="90"/>
      <c r="Q19" s="89"/>
      <c r="R19" s="90"/>
      <c r="S19" s="89"/>
      <c r="T19" s="90"/>
      <c r="U19" s="89"/>
      <c r="V19" s="90"/>
      <c r="W19" s="89"/>
      <c r="X19" s="90"/>
      <c r="Y19" s="89"/>
      <c r="Z19" s="90"/>
      <c r="AA19" s="89"/>
      <c r="AB19" s="90"/>
      <c r="AC19" s="89"/>
      <c r="AD19" s="90"/>
      <c r="AE19" s="89"/>
      <c r="AF19" s="90"/>
      <c r="AG19" s="89"/>
      <c r="AH19" s="90"/>
      <c r="AI19" s="89"/>
      <c r="AJ19" s="90"/>
      <c r="AK19" s="5"/>
    </row>
    <row r="20" spans="2:37" ht="15" customHeight="1" x14ac:dyDescent="0.15">
      <c r="B20" s="54"/>
      <c r="C20" s="57" t="s">
        <v>17</v>
      </c>
      <c r="D20" s="58"/>
      <c r="E20" s="58"/>
      <c r="F20" s="59"/>
      <c r="G20" s="89"/>
      <c r="H20" s="90"/>
      <c r="I20" s="89"/>
      <c r="J20" s="90"/>
      <c r="K20" s="89"/>
      <c r="L20" s="90"/>
      <c r="M20" s="89"/>
      <c r="N20" s="90"/>
      <c r="O20" s="89"/>
      <c r="P20" s="90"/>
      <c r="Q20" s="89"/>
      <c r="R20" s="90"/>
      <c r="S20" s="89"/>
      <c r="T20" s="90"/>
      <c r="U20" s="89"/>
      <c r="V20" s="90"/>
      <c r="W20" s="89"/>
      <c r="X20" s="90"/>
      <c r="Y20" s="89"/>
      <c r="Z20" s="90"/>
      <c r="AA20" s="89"/>
      <c r="AB20" s="90"/>
      <c r="AC20" s="89"/>
      <c r="AD20" s="90"/>
      <c r="AE20" s="89"/>
      <c r="AF20" s="90"/>
      <c r="AG20" s="89"/>
      <c r="AH20" s="90"/>
      <c r="AI20" s="89"/>
      <c r="AJ20" s="90"/>
      <c r="AK20" s="5"/>
    </row>
    <row r="21" spans="2:37" ht="15" customHeight="1" x14ac:dyDescent="0.15">
      <c r="B21" s="54"/>
      <c r="C21" s="57" t="s">
        <v>18</v>
      </c>
      <c r="D21" s="58"/>
      <c r="E21" s="58"/>
      <c r="F21" s="59"/>
      <c r="G21" s="89"/>
      <c r="H21" s="90"/>
      <c r="I21" s="89"/>
      <c r="J21" s="90"/>
      <c r="K21" s="89"/>
      <c r="L21" s="90"/>
      <c r="M21" s="89"/>
      <c r="N21" s="90"/>
      <c r="O21" s="89"/>
      <c r="P21" s="90"/>
      <c r="Q21" s="89"/>
      <c r="R21" s="90"/>
      <c r="S21" s="89"/>
      <c r="T21" s="90"/>
      <c r="U21" s="89"/>
      <c r="V21" s="90"/>
      <c r="W21" s="89"/>
      <c r="X21" s="90"/>
      <c r="Y21" s="89"/>
      <c r="Z21" s="90"/>
      <c r="AA21" s="89"/>
      <c r="AB21" s="90"/>
      <c r="AC21" s="89"/>
      <c r="AD21" s="90"/>
      <c r="AE21" s="89"/>
      <c r="AF21" s="90"/>
      <c r="AG21" s="89"/>
      <c r="AH21" s="90"/>
      <c r="AI21" s="89"/>
      <c r="AJ21" s="90"/>
      <c r="AK21" s="5"/>
    </row>
    <row r="22" spans="2:37" ht="15" customHeight="1" x14ac:dyDescent="0.15">
      <c r="B22" s="55"/>
      <c r="C22" s="57" t="s">
        <v>19</v>
      </c>
      <c r="D22" s="58"/>
      <c r="E22" s="58"/>
      <c r="F22" s="59"/>
      <c r="G22" s="89"/>
      <c r="H22" s="90"/>
      <c r="I22" s="89"/>
      <c r="J22" s="90"/>
      <c r="K22" s="89"/>
      <c r="L22" s="90"/>
      <c r="M22" s="89"/>
      <c r="N22" s="90"/>
      <c r="O22" s="89"/>
      <c r="P22" s="90"/>
      <c r="Q22" s="89"/>
      <c r="R22" s="90"/>
      <c r="S22" s="89"/>
      <c r="T22" s="90"/>
      <c r="U22" s="89"/>
      <c r="V22" s="90"/>
      <c r="W22" s="89"/>
      <c r="X22" s="90"/>
      <c r="Y22" s="89"/>
      <c r="Z22" s="90"/>
      <c r="AA22" s="89"/>
      <c r="AB22" s="90"/>
      <c r="AC22" s="89"/>
      <c r="AD22" s="90"/>
      <c r="AE22" s="89"/>
      <c r="AF22" s="90"/>
      <c r="AG22" s="89"/>
      <c r="AH22" s="90"/>
      <c r="AI22" s="89"/>
      <c r="AJ22" s="90"/>
      <c r="AK22" s="5"/>
    </row>
    <row r="23" spans="2:37" ht="15" customHeight="1" x14ac:dyDescent="0.15">
      <c r="B23" s="60" t="s">
        <v>20</v>
      </c>
      <c r="C23" s="57" t="s">
        <v>21</v>
      </c>
      <c r="D23" s="58"/>
      <c r="E23" s="58"/>
      <c r="F23" s="59"/>
      <c r="G23" s="89"/>
      <c r="H23" s="90"/>
      <c r="I23" s="89"/>
      <c r="J23" s="90"/>
      <c r="K23" s="89"/>
      <c r="L23" s="90"/>
      <c r="M23" s="89"/>
      <c r="N23" s="90"/>
      <c r="O23" s="89"/>
      <c r="P23" s="90"/>
      <c r="Q23" s="89"/>
      <c r="R23" s="90"/>
      <c r="S23" s="89"/>
      <c r="T23" s="90"/>
      <c r="U23" s="89"/>
      <c r="V23" s="90"/>
      <c r="W23" s="89"/>
      <c r="X23" s="90"/>
      <c r="Y23" s="89"/>
      <c r="Z23" s="90"/>
      <c r="AA23" s="89"/>
      <c r="AB23" s="90"/>
      <c r="AC23" s="89"/>
      <c r="AD23" s="90"/>
      <c r="AE23" s="89"/>
      <c r="AF23" s="90"/>
      <c r="AG23" s="89"/>
      <c r="AH23" s="90"/>
      <c r="AI23" s="89"/>
      <c r="AJ23" s="90"/>
      <c r="AK23" s="5"/>
    </row>
    <row r="24" spans="2:37" ht="15" customHeight="1" x14ac:dyDescent="0.15">
      <c r="B24" s="61"/>
      <c r="C24" s="57" t="s">
        <v>22</v>
      </c>
      <c r="D24" s="58"/>
      <c r="E24" s="58"/>
      <c r="F24" s="59"/>
      <c r="G24" s="89"/>
      <c r="H24" s="90"/>
      <c r="I24" s="89"/>
      <c r="J24" s="90"/>
      <c r="K24" s="89"/>
      <c r="L24" s="90"/>
      <c r="M24" s="89"/>
      <c r="N24" s="90"/>
      <c r="O24" s="89"/>
      <c r="P24" s="90"/>
      <c r="Q24" s="89"/>
      <c r="R24" s="90"/>
      <c r="S24" s="89"/>
      <c r="T24" s="90"/>
      <c r="U24" s="89"/>
      <c r="V24" s="90"/>
      <c r="W24" s="89"/>
      <c r="X24" s="90"/>
      <c r="Y24" s="89"/>
      <c r="Z24" s="90"/>
      <c r="AA24" s="89"/>
      <c r="AB24" s="90"/>
      <c r="AC24" s="89"/>
      <c r="AD24" s="90"/>
      <c r="AE24" s="89"/>
      <c r="AF24" s="90"/>
      <c r="AG24" s="89"/>
      <c r="AH24" s="90"/>
      <c r="AI24" s="89"/>
      <c r="AJ24" s="90"/>
      <c r="AK24" s="3"/>
    </row>
    <row r="25" spans="2:37" ht="15" customHeight="1" x14ac:dyDescent="0.15">
      <c r="B25" s="61"/>
      <c r="C25" s="57" t="s">
        <v>23</v>
      </c>
      <c r="D25" s="58"/>
      <c r="E25" s="58"/>
      <c r="F25" s="59"/>
      <c r="G25" s="89"/>
      <c r="H25" s="90"/>
      <c r="I25" s="89"/>
      <c r="J25" s="90"/>
      <c r="K25" s="89"/>
      <c r="L25" s="90"/>
      <c r="M25" s="89"/>
      <c r="N25" s="90"/>
      <c r="O25" s="89"/>
      <c r="P25" s="90"/>
      <c r="Q25" s="89"/>
      <c r="R25" s="90"/>
      <c r="S25" s="89"/>
      <c r="T25" s="90"/>
      <c r="U25" s="89"/>
      <c r="V25" s="90"/>
      <c r="W25" s="89"/>
      <c r="X25" s="90"/>
      <c r="Y25" s="89"/>
      <c r="Z25" s="90"/>
      <c r="AA25" s="89"/>
      <c r="AB25" s="90"/>
      <c r="AC25" s="89"/>
      <c r="AD25" s="90"/>
      <c r="AE25" s="89"/>
      <c r="AF25" s="90"/>
      <c r="AG25" s="89"/>
      <c r="AH25" s="90"/>
      <c r="AI25" s="89"/>
      <c r="AJ25" s="90"/>
      <c r="AK25" s="5"/>
    </row>
    <row r="26" spans="2:37" ht="15" customHeight="1" x14ac:dyDescent="0.15">
      <c r="B26" s="61"/>
      <c r="C26" s="63" t="s">
        <v>24</v>
      </c>
      <c r="D26" s="64"/>
      <c r="E26" s="64"/>
      <c r="F26" s="65"/>
      <c r="G26" s="31" t="s">
        <v>50</v>
      </c>
      <c r="H26" s="32" t="s">
        <v>51</v>
      </c>
      <c r="I26" s="31" t="s">
        <v>50</v>
      </c>
      <c r="J26" s="32" t="s">
        <v>51</v>
      </c>
      <c r="K26" s="31" t="s">
        <v>50</v>
      </c>
      <c r="L26" s="32" t="s">
        <v>51</v>
      </c>
      <c r="M26" s="31" t="s">
        <v>50</v>
      </c>
      <c r="N26" s="32" t="s">
        <v>51</v>
      </c>
      <c r="O26" s="31" t="s">
        <v>50</v>
      </c>
      <c r="P26" s="32" t="s">
        <v>51</v>
      </c>
      <c r="Q26" s="31" t="s">
        <v>50</v>
      </c>
      <c r="R26" s="32" t="s">
        <v>51</v>
      </c>
      <c r="S26" s="31" t="s">
        <v>50</v>
      </c>
      <c r="T26" s="32" t="s">
        <v>51</v>
      </c>
      <c r="U26" s="31" t="s">
        <v>50</v>
      </c>
      <c r="V26" s="32" t="s">
        <v>51</v>
      </c>
      <c r="W26" s="31" t="s">
        <v>50</v>
      </c>
      <c r="X26" s="32" t="s">
        <v>51</v>
      </c>
      <c r="Y26" s="31" t="s">
        <v>50</v>
      </c>
      <c r="Z26" s="32" t="s">
        <v>51</v>
      </c>
      <c r="AA26" s="31" t="s">
        <v>50</v>
      </c>
      <c r="AB26" s="32" t="s">
        <v>51</v>
      </c>
      <c r="AC26" s="31" t="s">
        <v>50</v>
      </c>
      <c r="AD26" s="32" t="s">
        <v>51</v>
      </c>
      <c r="AE26" s="31" t="s">
        <v>50</v>
      </c>
      <c r="AF26" s="32" t="s">
        <v>51</v>
      </c>
      <c r="AG26" s="31" t="s">
        <v>50</v>
      </c>
      <c r="AH26" s="32" t="s">
        <v>51</v>
      </c>
      <c r="AI26" s="31" t="s">
        <v>50</v>
      </c>
      <c r="AJ26" s="32" t="s">
        <v>51</v>
      </c>
      <c r="AK26" s="3"/>
    </row>
    <row r="27" spans="2:37" ht="15" customHeight="1" x14ac:dyDescent="0.15">
      <c r="B27" s="61"/>
      <c r="C27" s="66"/>
      <c r="D27" s="67"/>
      <c r="E27" s="67"/>
      <c r="F27" s="68"/>
      <c r="G27" s="27"/>
      <c r="H27" s="28"/>
      <c r="I27" s="27"/>
      <c r="J27" s="28"/>
      <c r="K27" s="27"/>
      <c r="L27" s="28"/>
      <c r="M27" s="27"/>
      <c r="N27" s="28"/>
      <c r="O27" s="27"/>
      <c r="P27" s="28"/>
      <c r="Q27" s="27"/>
      <c r="R27" s="28"/>
      <c r="S27" s="27"/>
      <c r="T27" s="28"/>
      <c r="U27" s="27"/>
      <c r="V27" s="28"/>
      <c r="W27" s="27"/>
      <c r="X27" s="28"/>
      <c r="Y27" s="27"/>
      <c r="Z27" s="28"/>
      <c r="AA27" s="27"/>
      <c r="AB27" s="28"/>
      <c r="AC27" s="27"/>
      <c r="AD27" s="28"/>
      <c r="AE27" s="27"/>
      <c r="AF27" s="28"/>
      <c r="AG27" s="27"/>
      <c r="AH27" s="28"/>
      <c r="AI27" s="27"/>
      <c r="AJ27" s="28"/>
      <c r="AK27" s="5"/>
    </row>
    <row r="28" spans="2:37" ht="15" customHeight="1" x14ac:dyDescent="0.15">
      <c r="B28" s="61"/>
      <c r="C28" s="57" t="s">
        <v>25</v>
      </c>
      <c r="D28" s="58"/>
      <c r="E28" s="58"/>
      <c r="F28" s="59"/>
      <c r="G28" s="89"/>
      <c r="H28" s="90"/>
      <c r="I28" s="89"/>
      <c r="J28" s="90"/>
      <c r="K28" s="89"/>
      <c r="L28" s="90"/>
      <c r="M28" s="89"/>
      <c r="N28" s="90"/>
      <c r="O28" s="89"/>
      <c r="P28" s="90"/>
      <c r="Q28" s="89"/>
      <c r="R28" s="90"/>
      <c r="S28" s="89"/>
      <c r="T28" s="90"/>
      <c r="U28" s="89"/>
      <c r="V28" s="90"/>
      <c r="W28" s="89"/>
      <c r="X28" s="90"/>
      <c r="Y28" s="89"/>
      <c r="Z28" s="90"/>
      <c r="AA28" s="89"/>
      <c r="AB28" s="90"/>
      <c r="AC28" s="89"/>
      <c r="AD28" s="90"/>
      <c r="AE28" s="89"/>
      <c r="AF28" s="90"/>
      <c r="AG28" s="89"/>
      <c r="AH28" s="90"/>
      <c r="AI28" s="89"/>
      <c r="AJ28" s="90"/>
      <c r="AK28" s="3"/>
    </row>
    <row r="29" spans="2:37" ht="15" customHeight="1" x14ac:dyDescent="0.15">
      <c r="B29" s="62"/>
      <c r="C29" s="57" t="s">
        <v>26</v>
      </c>
      <c r="D29" s="58"/>
      <c r="E29" s="58"/>
      <c r="F29" s="59"/>
      <c r="G29" s="89"/>
      <c r="H29" s="90"/>
      <c r="I29" s="89"/>
      <c r="J29" s="90"/>
      <c r="K29" s="89"/>
      <c r="L29" s="90"/>
      <c r="M29" s="89"/>
      <c r="N29" s="90"/>
      <c r="O29" s="89"/>
      <c r="P29" s="90"/>
      <c r="Q29" s="89"/>
      <c r="R29" s="90"/>
      <c r="S29" s="89"/>
      <c r="T29" s="90"/>
      <c r="U29" s="89"/>
      <c r="V29" s="90"/>
      <c r="W29" s="89"/>
      <c r="X29" s="90"/>
      <c r="Y29" s="89"/>
      <c r="Z29" s="90"/>
      <c r="AA29" s="89"/>
      <c r="AB29" s="90"/>
      <c r="AC29" s="89"/>
      <c r="AD29" s="90"/>
      <c r="AE29" s="89"/>
      <c r="AF29" s="90"/>
      <c r="AG29" s="89"/>
      <c r="AH29" s="90"/>
      <c r="AI29" s="89"/>
      <c r="AJ29" s="90"/>
      <c r="AK29" s="5"/>
    </row>
    <row r="30" spans="2:37" ht="15" customHeight="1" x14ac:dyDescent="0.15">
      <c r="B30" s="53" t="s">
        <v>27</v>
      </c>
      <c r="C30" s="57" t="s">
        <v>28</v>
      </c>
      <c r="D30" s="58"/>
      <c r="E30" s="58"/>
      <c r="F30" s="59"/>
      <c r="G30" s="89"/>
      <c r="H30" s="90"/>
      <c r="I30" s="89"/>
      <c r="J30" s="90"/>
      <c r="K30" s="89"/>
      <c r="L30" s="90"/>
      <c r="M30" s="89"/>
      <c r="N30" s="90"/>
      <c r="O30" s="89"/>
      <c r="P30" s="90"/>
      <c r="Q30" s="89"/>
      <c r="R30" s="90"/>
      <c r="S30" s="89"/>
      <c r="T30" s="90"/>
      <c r="U30" s="89"/>
      <c r="V30" s="90"/>
      <c r="W30" s="89"/>
      <c r="X30" s="90"/>
      <c r="Y30" s="89"/>
      <c r="Z30" s="90"/>
      <c r="AA30" s="89"/>
      <c r="AB30" s="90"/>
      <c r="AC30" s="89"/>
      <c r="AD30" s="90"/>
      <c r="AE30" s="89"/>
      <c r="AF30" s="90"/>
      <c r="AG30" s="89"/>
      <c r="AH30" s="90"/>
      <c r="AI30" s="89"/>
      <c r="AJ30" s="90"/>
      <c r="AK30" s="5"/>
    </row>
    <row r="31" spans="2:37" ht="15" customHeight="1" x14ac:dyDescent="0.15">
      <c r="B31" s="54"/>
      <c r="C31" s="57" t="s">
        <v>29</v>
      </c>
      <c r="D31" s="58"/>
      <c r="E31" s="58"/>
      <c r="F31" s="59"/>
      <c r="G31" s="89"/>
      <c r="H31" s="90"/>
      <c r="I31" s="89"/>
      <c r="J31" s="90"/>
      <c r="K31" s="89"/>
      <c r="L31" s="90"/>
      <c r="M31" s="89"/>
      <c r="N31" s="90"/>
      <c r="O31" s="89"/>
      <c r="P31" s="90"/>
      <c r="Q31" s="89"/>
      <c r="R31" s="90"/>
      <c r="S31" s="89"/>
      <c r="T31" s="90"/>
      <c r="U31" s="89"/>
      <c r="V31" s="90"/>
      <c r="W31" s="89"/>
      <c r="X31" s="90"/>
      <c r="Y31" s="89"/>
      <c r="Z31" s="90"/>
      <c r="AA31" s="89"/>
      <c r="AB31" s="90"/>
      <c r="AC31" s="89"/>
      <c r="AD31" s="90"/>
      <c r="AE31" s="89"/>
      <c r="AF31" s="90"/>
      <c r="AG31" s="89"/>
      <c r="AH31" s="90"/>
      <c r="AI31" s="89"/>
      <c r="AJ31" s="90"/>
      <c r="AK31" s="5"/>
    </row>
    <row r="32" spans="2:37" ht="15" customHeight="1" x14ac:dyDescent="0.15">
      <c r="B32" s="55"/>
      <c r="C32" s="57" t="s">
        <v>30</v>
      </c>
      <c r="D32" s="58"/>
      <c r="E32" s="58"/>
      <c r="F32" s="59"/>
      <c r="G32" s="89"/>
      <c r="H32" s="90"/>
      <c r="I32" s="89"/>
      <c r="J32" s="90"/>
      <c r="K32" s="89"/>
      <c r="L32" s="90"/>
      <c r="M32" s="89"/>
      <c r="N32" s="90"/>
      <c r="O32" s="89"/>
      <c r="P32" s="90"/>
      <c r="Q32" s="89"/>
      <c r="R32" s="90"/>
      <c r="S32" s="89"/>
      <c r="T32" s="90"/>
      <c r="U32" s="89"/>
      <c r="V32" s="90"/>
      <c r="W32" s="89"/>
      <c r="X32" s="90"/>
      <c r="Y32" s="89"/>
      <c r="Z32" s="90"/>
      <c r="AA32" s="89"/>
      <c r="AB32" s="90"/>
      <c r="AC32" s="89"/>
      <c r="AD32" s="90"/>
      <c r="AE32" s="89"/>
      <c r="AF32" s="90"/>
      <c r="AG32" s="89"/>
      <c r="AH32" s="90"/>
      <c r="AI32" s="89"/>
      <c r="AJ32" s="90"/>
      <c r="AK32" s="5"/>
    </row>
    <row r="33" spans="2:37" ht="15" customHeight="1" x14ac:dyDescent="0.15">
      <c r="B33" s="69" t="s">
        <v>31</v>
      </c>
      <c r="C33" s="72" t="s">
        <v>32</v>
      </c>
      <c r="D33" s="73"/>
      <c r="E33" s="73"/>
      <c r="F33" s="74"/>
      <c r="G33" s="89"/>
      <c r="H33" s="90"/>
      <c r="I33" s="89"/>
      <c r="J33" s="90"/>
      <c r="K33" s="89"/>
      <c r="L33" s="90"/>
      <c r="M33" s="89"/>
      <c r="N33" s="90"/>
      <c r="O33" s="89"/>
      <c r="P33" s="90"/>
      <c r="Q33" s="89"/>
      <c r="R33" s="90"/>
      <c r="S33" s="89"/>
      <c r="T33" s="90"/>
      <c r="U33" s="89"/>
      <c r="V33" s="90"/>
      <c r="W33" s="89"/>
      <c r="X33" s="90"/>
      <c r="Y33" s="89"/>
      <c r="Z33" s="90"/>
      <c r="AA33" s="89"/>
      <c r="AB33" s="90"/>
      <c r="AC33" s="89"/>
      <c r="AD33" s="90"/>
      <c r="AE33" s="89"/>
      <c r="AF33" s="90"/>
      <c r="AG33" s="89"/>
      <c r="AH33" s="90"/>
      <c r="AI33" s="89"/>
      <c r="AJ33" s="90"/>
      <c r="AK33" s="5"/>
    </row>
    <row r="34" spans="2:37" ht="15" customHeight="1" x14ac:dyDescent="0.15">
      <c r="B34" s="70"/>
      <c r="C34" s="75" t="s">
        <v>33</v>
      </c>
      <c r="D34" s="76"/>
      <c r="E34" s="76"/>
      <c r="F34" s="77"/>
      <c r="G34" s="89"/>
      <c r="H34" s="90"/>
      <c r="I34" s="89"/>
      <c r="J34" s="90"/>
      <c r="K34" s="89"/>
      <c r="L34" s="90"/>
      <c r="M34" s="89"/>
      <c r="N34" s="90"/>
      <c r="O34" s="89"/>
      <c r="P34" s="90"/>
      <c r="Q34" s="89"/>
      <c r="R34" s="90"/>
      <c r="S34" s="89"/>
      <c r="T34" s="90"/>
      <c r="U34" s="89"/>
      <c r="V34" s="90"/>
      <c r="W34" s="89"/>
      <c r="X34" s="90"/>
      <c r="Y34" s="89"/>
      <c r="Z34" s="90"/>
      <c r="AA34" s="89"/>
      <c r="AB34" s="90"/>
      <c r="AC34" s="89"/>
      <c r="AD34" s="90"/>
      <c r="AE34" s="89"/>
      <c r="AF34" s="90"/>
      <c r="AG34" s="89"/>
      <c r="AH34" s="90"/>
      <c r="AI34" s="89"/>
      <c r="AJ34" s="90"/>
      <c r="AK34" s="5"/>
    </row>
    <row r="35" spans="2:37" ht="15" customHeight="1" x14ac:dyDescent="0.15">
      <c r="B35" s="70"/>
      <c r="C35" s="57" t="s">
        <v>34</v>
      </c>
      <c r="D35" s="58"/>
      <c r="E35" s="58"/>
      <c r="F35" s="59"/>
      <c r="G35" s="89"/>
      <c r="H35" s="90"/>
      <c r="I35" s="89"/>
      <c r="J35" s="90"/>
      <c r="K35" s="89"/>
      <c r="L35" s="90"/>
      <c r="M35" s="89"/>
      <c r="N35" s="90"/>
      <c r="O35" s="89"/>
      <c r="P35" s="90"/>
      <c r="Q35" s="89"/>
      <c r="R35" s="90"/>
      <c r="S35" s="89"/>
      <c r="T35" s="90"/>
      <c r="U35" s="89"/>
      <c r="V35" s="90"/>
      <c r="W35" s="89"/>
      <c r="X35" s="90"/>
      <c r="Y35" s="89"/>
      <c r="Z35" s="90"/>
      <c r="AA35" s="89"/>
      <c r="AB35" s="90"/>
      <c r="AC35" s="89"/>
      <c r="AD35" s="90"/>
      <c r="AE35" s="89"/>
      <c r="AF35" s="90"/>
      <c r="AG35" s="89"/>
      <c r="AH35" s="90"/>
      <c r="AI35" s="89"/>
      <c r="AJ35" s="90"/>
      <c r="AK35" s="5"/>
    </row>
    <row r="36" spans="2:37" ht="15" customHeight="1" x14ac:dyDescent="0.15">
      <c r="B36" s="70"/>
      <c r="C36" s="57" t="s">
        <v>35</v>
      </c>
      <c r="D36" s="58"/>
      <c r="E36" s="58"/>
      <c r="F36" s="59"/>
      <c r="G36" s="89"/>
      <c r="H36" s="90"/>
      <c r="I36" s="89"/>
      <c r="J36" s="90"/>
      <c r="K36" s="89"/>
      <c r="L36" s="90"/>
      <c r="M36" s="89"/>
      <c r="N36" s="90"/>
      <c r="O36" s="89"/>
      <c r="P36" s="90"/>
      <c r="Q36" s="89"/>
      <c r="R36" s="90"/>
      <c r="S36" s="89"/>
      <c r="T36" s="90"/>
      <c r="U36" s="89"/>
      <c r="V36" s="90"/>
      <c r="W36" s="89"/>
      <c r="X36" s="90"/>
      <c r="Y36" s="89"/>
      <c r="Z36" s="90"/>
      <c r="AA36" s="89"/>
      <c r="AB36" s="90"/>
      <c r="AC36" s="89"/>
      <c r="AD36" s="90"/>
      <c r="AE36" s="89"/>
      <c r="AF36" s="90"/>
      <c r="AG36" s="89"/>
      <c r="AH36" s="90"/>
      <c r="AI36" s="89"/>
      <c r="AJ36" s="90"/>
      <c r="AK36" s="5"/>
    </row>
    <row r="37" spans="2:37" ht="15" customHeight="1" x14ac:dyDescent="0.15">
      <c r="B37" s="71"/>
      <c r="C37" s="57" t="s">
        <v>36</v>
      </c>
      <c r="D37" s="58"/>
      <c r="E37" s="58"/>
      <c r="F37" s="59"/>
      <c r="G37" s="89"/>
      <c r="H37" s="90"/>
      <c r="I37" s="89"/>
      <c r="J37" s="90"/>
      <c r="K37" s="89"/>
      <c r="L37" s="90"/>
      <c r="M37" s="89"/>
      <c r="N37" s="90"/>
      <c r="O37" s="89"/>
      <c r="P37" s="90"/>
      <c r="Q37" s="89"/>
      <c r="R37" s="90"/>
      <c r="S37" s="89"/>
      <c r="T37" s="90"/>
      <c r="U37" s="89"/>
      <c r="V37" s="90"/>
      <c r="W37" s="89"/>
      <c r="X37" s="90"/>
      <c r="Y37" s="89"/>
      <c r="Z37" s="90"/>
      <c r="AA37" s="89"/>
      <c r="AB37" s="90"/>
      <c r="AC37" s="89"/>
      <c r="AD37" s="90"/>
      <c r="AE37" s="89"/>
      <c r="AF37" s="90"/>
      <c r="AG37" s="89"/>
      <c r="AH37" s="90"/>
      <c r="AI37" s="89"/>
      <c r="AJ37" s="90"/>
      <c r="AK37" s="5"/>
    </row>
    <row r="38" spans="2:37" ht="15" customHeight="1" x14ac:dyDescent="0.15">
      <c r="B38" s="78" t="s">
        <v>37</v>
      </c>
      <c r="C38" s="57" t="s">
        <v>38</v>
      </c>
      <c r="D38" s="58"/>
      <c r="E38" s="58"/>
      <c r="F38" s="59"/>
      <c r="G38" s="89"/>
      <c r="H38" s="90"/>
      <c r="I38" s="89"/>
      <c r="J38" s="90"/>
      <c r="K38" s="89"/>
      <c r="L38" s="90"/>
      <c r="M38" s="89"/>
      <c r="N38" s="90"/>
      <c r="O38" s="89"/>
      <c r="P38" s="90"/>
      <c r="Q38" s="89"/>
      <c r="R38" s="90"/>
      <c r="S38" s="89"/>
      <c r="T38" s="90"/>
      <c r="U38" s="89"/>
      <c r="V38" s="90"/>
      <c r="W38" s="89"/>
      <c r="X38" s="90"/>
      <c r="Y38" s="89"/>
      <c r="Z38" s="90"/>
      <c r="AA38" s="89"/>
      <c r="AB38" s="90"/>
      <c r="AC38" s="89"/>
      <c r="AD38" s="90"/>
      <c r="AE38" s="89"/>
      <c r="AF38" s="90"/>
      <c r="AG38" s="89"/>
      <c r="AH38" s="90"/>
      <c r="AI38" s="89"/>
      <c r="AJ38" s="90"/>
      <c r="AK38" s="5"/>
    </row>
    <row r="39" spans="2:37" ht="15" customHeight="1" x14ac:dyDescent="0.15">
      <c r="B39" s="79"/>
      <c r="C39" s="57" t="s">
        <v>39</v>
      </c>
      <c r="D39" s="58"/>
      <c r="E39" s="58"/>
      <c r="F39" s="59"/>
      <c r="G39" s="89"/>
      <c r="H39" s="90"/>
      <c r="I39" s="89"/>
      <c r="J39" s="90"/>
      <c r="K39" s="89"/>
      <c r="L39" s="90"/>
      <c r="M39" s="89"/>
      <c r="N39" s="90"/>
      <c r="O39" s="89"/>
      <c r="P39" s="90"/>
      <c r="Q39" s="89"/>
      <c r="R39" s="90"/>
      <c r="S39" s="89"/>
      <c r="T39" s="90"/>
      <c r="U39" s="89"/>
      <c r="V39" s="90"/>
      <c r="W39" s="89"/>
      <c r="X39" s="90"/>
      <c r="Y39" s="89"/>
      <c r="Z39" s="90"/>
      <c r="AA39" s="89"/>
      <c r="AB39" s="90"/>
      <c r="AC39" s="89"/>
      <c r="AD39" s="90"/>
      <c r="AE39" s="89"/>
      <c r="AF39" s="90"/>
      <c r="AG39" s="89"/>
      <c r="AH39" s="90"/>
      <c r="AI39" s="89"/>
      <c r="AJ39" s="90"/>
      <c r="AK39" s="5"/>
    </row>
    <row r="40" spans="2:37" ht="15" customHeight="1" x14ac:dyDescent="0.15">
      <c r="B40" s="80"/>
      <c r="C40" s="57" t="s">
        <v>40</v>
      </c>
      <c r="D40" s="58"/>
      <c r="E40" s="58"/>
      <c r="F40" s="59"/>
      <c r="G40" s="89"/>
      <c r="H40" s="90"/>
      <c r="I40" s="89"/>
      <c r="J40" s="90"/>
      <c r="K40" s="89"/>
      <c r="L40" s="90"/>
      <c r="M40" s="89"/>
      <c r="N40" s="90"/>
      <c r="O40" s="89"/>
      <c r="P40" s="90"/>
      <c r="Q40" s="89"/>
      <c r="R40" s="90"/>
      <c r="S40" s="89"/>
      <c r="T40" s="90"/>
      <c r="U40" s="89"/>
      <c r="V40" s="90"/>
      <c r="W40" s="89"/>
      <c r="X40" s="90"/>
      <c r="Y40" s="89"/>
      <c r="Z40" s="90"/>
      <c r="AA40" s="89"/>
      <c r="AB40" s="90"/>
      <c r="AC40" s="89"/>
      <c r="AD40" s="90"/>
      <c r="AE40" s="89"/>
      <c r="AF40" s="90"/>
      <c r="AG40" s="89"/>
      <c r="AH40" s="90"/>
      <c r="AI40" s="89"/>
      <c r="AJ40" s="90"/>
      <c r="AK40" s="5"/>
    </row>
    <row r="41" spans="2:37" ht="15" customHeight="1" x14ac:dyDescent="0.15">
      <c r="B41" s="53" t="s">
        <v>41</v>
      </c>
      <c r="C41" s="57" t="s">
        <v>42</v>
      </c>
      <c r="D41" s="58"/>
      <c r="E41" s="58"/>
      <c r="F41" s="59"/>
      <c r="G41" s="89"/>
      <c r="H41" s="90"/>
      <c r="I41" s="89"/>
      <c r="J41" s="90"/>
      <c r="K41" s="89"/>
      <c r="L41" s="90"/>
      <c r="M41" s="89"/>
      <c r="N41" s="90"/>
      <c r="O41" s="89"/>
      <c r="P41" s="90"/>
      <c r="Q41" s="89"/>
      <c r="R41" s="90"/>
      <c r="S41" s="89"/>
      <c r="T41" s="90"/>
      <c r="U41" s="89"/>
      <c r="V41" s="90"/>
      <c r="W41" s="89"/>
      <c r="X41" s="90"/>
      <c r="Y41" s="89"/>
      <c r="Z41" s="90"/>
      <c r="AA41" s="89"/>
      <c r="AB41" s="90"/>
      <c r="AC41" s="89"/>
      <c r="AD41" s="90"/>
      <c r="AE41" s="89"/>
      <c r="AF41" s="90"/>
      <c r="AG41" s="89"/>
      <c r="AH41" s="90"/>
      <c r="AI41" s="89"/>
      <c r="AJ41" s="90"/>
      <c r="AK41" s="5"/>
    </row>
    <row r="42" spans="2:37" ht="15" customHeight="1" x14ac:dyDescent="0.15">
      <c r="B42" s="54"/>
      <c r="C42" s="57" t="s">
        <v>43</v>
      </c>
      <c r="D42" s="58"/>
      <c r="E42" s="58"/>
      <c r="F42" s="59"/>
      <c r="G42" s="89"/>
      <c r="H42" s="90"/>
      <c r="I42" s="89"/>
      <c r="J42" s="90"/>
      <c r="K42" s="89"/>
      <c r="L42" s="90"/>
      <c r="M42" s="89"/>
      <c r="N42" s="90"/>
      <c r="O42" s="89"/>
      <c r="P42" s="90"/>
      <c r="Q42" s="89"/>
      <c r="R42" s="90"/>
      <c r="S42" s="89"/>
      <c r="T42" s="90"/>
      <c r="U42" s="89"/>
      <c r="V42" s="90"/>
      <c r="W42" s="89"/>
      <c r="X42" s="90"/>
      <c r="Y42" s="89"/>
      <c r="Z42" s="90"/>
      <c r="AA42" s="89"/>
      <c r="AB42" s="90"/>
      <c r="AC42" s="89"/>
      <c r="AD42" s="90"/>
      <c r="AE42" s="89"/>
      <c r="AF42" s="90"/>
      <c r="AG42" s="89"/>
      <c r="AH42" s="90"/>
      <c r="AI42" s="89"/>
      <c r="AJ42" s="90"/>
      <c r="AK42" s="5"/>
    </row>
    <row r="43" spans="2:37" ht="15" customHeight="1" x14ac:dyDescent="0.15">
      <c r="B43" s="55"/>
      <c r="C43" s="57" t="s">
        <v>44</v>
      </c>
      <c r="D43" s="58"/>
      <c r="E43" s="58"/>
      <c r="F43" s="59"/>
      <c r="G43" s="89"/>
      <c r="H43" s="90"/>
      <c r="I43" s="89"/>
      <c r="J43" s="90"/>
      <c r="K43" s="89"/>
      <c r="L43" s="90"/>
      <c r="M43" s="89"/>
      <c r="N43" s="90"/>
      <c r="O43" s="89"/>
      <c r="P43" s="90"/>
      <c r="Q43" s="89"/>
      <c r="R43" s="90"/>
      <c r="S43" s="89"/>
      <c r="T43" s="90"/>
      <c r="U43" s="89"/>
      <c r="V43" s="90"/>
      <c r="W43" s="89"/>
      <c r="X43" s="90"/>
      <c r="Y43" s="89"/>
      <c r="Z43" s="90"/>
      <c r="AA43" s="89"/>
      <c r="AB43" s="90"/>
      <c r="AC43" s="89"/>
      <c r="AD43" s="90"/>
      <c r="AE43" s="89"/>
      <c r="AF43" s="90"/>
      <c r="AG43" s="89"/>
      <c r="AH43" s="90"/>
      <c r="AI43" s="89"/>
      <c r="AJ43" s="90"/>
      <c r="AK43" s="5"/>
    </row>
    <row r="44" spans="2:37" ht="15" customHeight="1" x14ac:dyDescent="0.15">
      <c r="B44" s="69" t="s">
        <v>45</v>
      </c>
      <c r="C44" s="57" t="s">
        <v>46</v>
      </c>
      <c r="D44" s="58"/>
      <c r="E44" s="58"/>
      <c r="F44" s="59"/>
      <c r="G44" s="89"/>
      <c r="H44" s="90"/>
      <c r="I44" s="89"/>
      <c r="J44" s="90"/>
      <c r="K44" s="89"/>
      <c r="L44" s="90"/>
      <c r="M44" s="89"/>
      <c r="N44" s="90"/>
      <c r="O44" s="89"/>
      <c r="P44" s="90"/>
      <c r="Q44" s="89"/>
      <c r="R44" s="90"/>
      <c r="S44" s="89"/>
      <c r="T44" s="90"/>
      <c r="U44" s="89"/>
      <c r="V44" s="90"/>
      <c r="W44" s="89"/>
      <c r="X44" s="90"/>
      <c r="Y44" s="89"/>
      <c r="Z44" s="90"/>
      <c r="AA44" s="89"/>
      <c r="AB44" s="90"/>
      <c r="AC44" s="89"/>
      <c r="AD44" s="90"/>
      <c r="AE44" s="89"/>
      <c r="AF44" s="90"/>
      <c r="AG44" s="89"/>
      <c r="AH44" s="90"/>
      <c r="AI44" s="89"/>
      <c r="AJ44" s="90"/>
      <c r="AK44" s="5"/>
    </row>
    <row r="45" spans="2:37" ht="15" customHeight="1" x14ac:dyDescent="0.15">
      <c r="B45" s="70"/>
      <c r="C45" s="57" t="s">
        <v>47</v>
      </c>
      <c r="D45" s="58"/>
      <c r="E45" s="58"/>
      <c r="F45" s="59"/>
      <c r="G45" s="89"/>
      <c r="H45" s="90"/>
      <c r="I45" s="89"/>
      <c r="J45" s="90"/>
      <c r="K45" s="89"/>
      <c r="L45" s="90"/>
      <c r="M45" s="89"/>
      <c r="N45" s="90"/>
      <c r="O45" s="89"/>
      <c r="P45" s="90"/>
      <c r="Q45" s="89"/>
      <c r="R45" s="90"/>
      <c r="S45" s="89"/>
      <c r="T45" s="90"/>
      <c r="U45" s="89"/>
      <c r="V45" s="90"/>
      <c r="W45" s="89"/>
      <c r="X45" s="90"/>
      <c r="Y45" s="89"/>
      <c r="Z45" s="90"/>
      <c r="AA45" s="89"/>
      <c r="AB45" s="90"/>
      <c r="AC45" s="89"/>
      <c r="AD45" s="90"/>
      <c r="AE45" s="89"/>
      <c r="AF45" s="90"/>
      <c r="AG45" s="89"/>
      <c r="AH45" s="90"/>
      <c r="AI45" s="89"/>
      <c r="AJ45" s="90"/>
      <c r="AK45" s="5"/>
    </row>
    <row r="46" spans="2:37" ht="15" customHeight="1" x14ac:dyDescent="0.15">
      <c r="B46" s="71"/>
      <c r="C46" s="57" t="s">
        <v>48</v>
      </c>
      <c r="D46" s="58"/>
      <c r="E46" s="58"/>
      <c r="F46" s="59"/>
      <c r="G46" s="89"/>
      <c r="H46" s="90"/>
      <c r="I46" s="89"/>
      <c r="J46" s="90"/>
      <c r="K46" s="89"/>
      <c r="L46" s="90"/>
      <c r="M46" s="89"/>
      <c r="N46" s="90"/>
      <c r="O46" s="89"/>
      <c r="P46" s="90"/>
      <c r="Q46" s="89"/>
      <c r="R46" s="90"/>
      <c r="S46" s="89"/>
      <c r="T46" s="90"/>
      <c r="U46" s="89"/>
      <c r="V46" s="90"/>
      <c r="W46" s="89"/>
      <c r="X46" s="90"/>
      <c r="Y46" s="89"/>
      <c r="Z46" s="90"/>
      <c r="AA46" s="89"/>
      <c r="AB46" s="90"/>
      <c r="AC46" s="89"/>
      <c r="AD46" s="90"/>
      <c r="AE46" s="89"/>
      <c r="AF46" s="90"/>
      <c r="AG46" s="89"/>
      <c r="AH46" s="90"/>
      <c r="AI46" s="89"/>
      <c r="AJ46" s="90"/>
      <c r="AK46" s="3"/>
    </row>
    <row r="47" spans="2:37" ht="18" customHeight="1" x14ac:dyDescent="0.15">
      <c r="B47" s="53" t="s">
        <v>49</v>
      </c>
      <c r="C47" s="26"/>
      <c r="D47" s="26"/>
      <c r="E47" s="26"/>
      <c r="F47" s="26"/>
      <c r="G47" s="26"/>
      <c r="H47" s="6"/>
      <c r="I47" s="6"/>
      <c r="J47" s="6"/>
      <c r="K47" s="6"/>
      <c r="L47" s="6"/>
      <c r="M47" s="6"/>
      <c r="N47" s="6"/>
      <c r="O47" s="6"/>
      <c r="P47" s="6"/>
      <c r="Q47" s="6"/>
      <c r="R47" s="6"/>
      <c r="S47" s="6"/>
      <c r="T47" s="6"/>
      <c r="U47" s="6"/>
      <c r="V47" s="6"/>
      <c r="W47" s="6"/>
      <c r="X47" s="6"/>
      <c r="Y47" s="6"/>
      <c r="Z47" s="6"/>
      <c r="AA47" s="6"/>
      <c r="AB47" s="6"/>
      <c r="AC47" s="6"/>
      <c r="AD47" s="6"/>
      <c r="AE47" s="6"/>
      <c r="AF47" s="6"/>
      <c r="AG47" s="6"/>
      <c r="AH47" s="6"/>
      <c r="AI47" s="6"/>
      <c r="AJ47" s="35"/>
      <c r="AK47" s="7"/>
    </row>
    <row r="48" spans="2:37" ht="18" customHeight="1" x14ac:dyDescent="0.15">
      <c r="B48" s="55"/>
      <c r="C48" s="81"/>
      <c r="D48" s="82"/>
      <c r="E48" s="82"/>
      <c r="F48" s="82"/>
      <c r="G48" s="34"/>
      <c r="H48" s="8"/>
      <c r="I48" s="8"/>
      <c r="J48" s="8"/>
      <c r="K48" s="8"/>
      <c r="L48" s="8"/>
      <c r="M48" s="8"/>
      <c r="N48" s="8"/>
      <c r="O48" s="8"/>
      <c r="P48" s="8"/>
      <c r="Q48" s="8"/>
      <c r="R48" s="8"/>
      <c r="S48" s="8"/>
      <c r="T48" s="8"/>
      <c r="U48" s="8"/>
      <c r="V48" s="8"/>
      <c r="W48" s="8"/>
      <c r="X48" s="8"/>
      <c r="Y48" s="8"/>
      <c r="Z48" s="8"/>
      <c r="AA48" s="8"/>
      <c r="AB48" s="8"/>
      <c r="AC48" s="8"/>
      <c r="AD48" s="8"/>
      <c r="AE48" s="8"/>
      <c r="AF48" s="8"/>
      <c r="AG48" s="8"/>
      <c r="AH48" s="8"/>
      <c r="AI48" s="8"/>
      <c r="AJ48" s="36"/>
      <c r="AK48" s="7"/>
    </row>
    <row r="50" ht="14.25" customHeight="1" x14ac:dyDescent="0.15"/>
  </sheetData>
  <mergeCells count="594">
    <mergeCell ref="G45:H45"/>
    <mergeCell ref="U45:V45"/>
    <mergeCell ref="U44:V44"/>
    <mergeCell ref="W44:X44"/>
    <mergeCell ref="Y44:Z44"/>
    <mergeCell ref="AA44:AB44"/>
    <mergeCell ref="AA45:AB45"/>
    <mergeCell ref="I45:J45"/>
    <mergeCell ref="K45:L45"/>
    <mergeCell ref="M45:N45"/>
    <mergeCell ref="O45:P45"/>
    <mergeCell ref="Q45:R45"/>
    <mergeCell ref="S45:T45"/>
    <mergeCell ref="G44:H44"/>
    <mergeCell ref="I44:J44"/>
    <mergeCell ref="K44:L44"/>
    <mergeCell ref="M44:N44"/>
    <mergeCell ref="O44:P44"/>
    <mergeCell ref="Q44:R44"/>
    <mergeCell ref="S44:T44"/>
    <mergeCell ref="W45:X45"/>
    <mergeCell ref="Y45:Z45"/>
    <mergeCell ref="AG46:AH46"/>
    <mergeCell ref="AI46:AJ46"/>
    <mergeCell ref="AC46:AD46"/>
    <mergeCell ref="AE46:AF46"/>
    <mergeCell ref="G46:H46"/>
    <mergeCell ref="I46:J46"/>
    <mergeCell ref="K46:L46"/>
    <mergeCell ref="M46:N46"/>
    <mergeCell ref="O46:P46"/>
    <mergeCell ref="U46:V46"/>
    <mergeCell ref="W46:X46"/>
    <mergeCell ref="Y46:Z46"/>
    <mergeCell ref="AA46:AB46"/>
    <mergeCell ref="S46:T46"/>
    <mergeCell ref="Q46:R46"/>
    <mergeCell ref="G43:H43"/>
    <mergeCell ref="I43:J43"/>
    <mergeCell ref="K43:L43"/>
    <mergeCell ref="M43:N43"/>
    <mergeCell ref="O43:P43"/>
    <mergeCell ref="Q43:R43"/>
    <mergeCell ref="S43:T43"/>
    <mergeCell ref="U43:V43"/>
    <mergeCell ref="W43:X43"/>
    <mergeCell ref="Y42:Z42"/>
    <mergeCell ref="AA42:AB42"/>
    <mergeCell ref="AC42:AD42"/>
    <mergeCell ref="AE42:AF42"/>
    <mergeCell ref="AG42:AH42"/>
    <mergeCell ref="AI42:AJ42"/>
    <mergeCell ref="AC45:AD45"/>
    <mergeCell ref="AE45:AF45"/>
    <mergeCell ref="AG45:AH45"/>
    <mergeCell ref="AG44:AH44"/>
    <mergeCell ref="AI44:AJ44"/>
    <mergeCell ref="AC44:AD44"/>
    <mergeCell ref="AE44:AF44"/>
    <mergeCell ref="AI45:AJ45"/>
    <mergeCell ref="Y43:Z43"/>
    <mergeCell ref="AA43:AB43"/>
    <mergeCell ref="AC43:AD43"/>
    <mergeCell ref="AE43:AF43"/>
    <mergeCell ref="AG43:AH43"/>
    <mergeCell ref="AI43:AJ43"/>
    <mergeCell ref="G42:H42"/>
    <mergeCell ref="I42:J42"/>
    <mergeCell ref="K42:L42"/>
    <mergeCell ref="M42:N42"/>
    <mergeCell ref="O42:P42"/>
    <mergeCell ref="Q42:R42"/>
    <mergeCell ref="S42:T42"/>
    <mergeCell ref="U42:V42"/>
    <mergeCell ref="W42:X42"/>
    <mergeCell ref="AE40:AF40"/>
    <mergeCell ref="AG40:AH40"/>
    <mergeCell ref="AI40:AJ40"/>
    <mergeCell ref="G41:H41"/>
    <mergeCell ref="I41:J41"/>
    <mergeCell ref="K41:L41"/>
    <mergeCell ref="M41:N41"/>
    <mergeCell ref="O41:P41"/>
    <mergeCell ref="Q41:R41"/>
    <mergeCell ref="S41:T41"/>
    <mergeCell ref="U41:V41"/>
    <mergeCell ref="W41:X41"/>
    <mergeCell ref="Y41:Z41"/>
    <mergeCell ref="AA41:AB41"/>
    <mergeCell ref="AC41:AD41"/>
    <mergeCell ref="AE41:AF41"/>
    <mergeCell ref="AG41:AH41"/>
    <mergeCell ref="AI41:AJ41"/>
    <mergeCell ref="G40:H40"/>
    <mergeCell ref="I40:J40"/>
    <mergeCell ref="K40:L40"/>
    <mergeCell ref="M40:N40"/>
    <mergeCell ref="O40:P40"/>
    <mergeCell ref="Q40:R40"/>
    <mergeCell ref="S40:T40"/>
    <mergeCell ref="U40:V40"/>
    <mergeCell ref="W40:X40"/>
    <mergeCell ref="Y38:Z38"/>
    <mergeCell ref="AA38:AB38"/>
    <mergeCell ref="AC38:AD38"/>
    <mergeCell ref="S38:T38"/>
    <mergeCell ref="U38:V38"/>
    <mergeCell ref="W38:X38"/>
    <mergeCell ref="Y40:Z40"/>
    <mergeCell ref="AA40:AB40"/>
    <mergeCell ref="AC40:AD40"/>
    <mergeCell ref="AE38:AF38"/>
    <mergeCell ref="AG38:AH38"/>
    <mergeCell ref="AI38:AJ38"/>
    <mergeCell ref="G39:H39"/>
    <mergeCell ref="I39:J39"/>
    <mergeCell ref="K39:L39"/>
    <mergeCell ref="M39:N39"/>
    <mergeCell ref="O39:P39"/>
    <mergeCell ref="Q39:R39"/>
    <mergeCell ref="S39:T39"/>
    <mergeCell ref="U39:V39"/>
    <mergeCell ref="W39:X39"/>
    <mergeCell ref="Y39:Z39"/>
    <mergeCell ref="AA39:AB39"/>
    <mergeCell ref="AC39:AD39"/>
    <mergeCell ref="AE39:AF39"/>
    <mergeCell ref="AG39:AH39"/>
    <mergeCell ref="AI39:AJ39"/>
    <mergeCell ref="G38:H38"/>
    <mergeCell ref="I38:J38"/>
    <mergeCell ref="K38:L38"/>
    <mergeCell ref="M38:N38"/>
    <mergeCell ref="O38:P38"/>
    <mergeCell ref="Q38:R38"/>
    <mergeCell ref="AE36:AF36"/>
    <mergeCell ref="AG36:AH36"/>
    <mergeCell ref="AI36:AJ36"/>
    <mergeCell ref="G37:H37"/>
    <mergeCell ref="I37:J37"/>
    <mergeCell ref="K37:L37"/>
    <mergeCell ref="M37:N37"/>
    <mergeCell ref="O37:P37"/>
    <mergeCell ref="Q37:R37"/>
    <mergeCell ref="S37:T37"/>
    <mergeCell ref="U37:V37"/>
    <mergeCell ref="W37:X37"/>
    <mergeCell ref="Y37:Z37"/>
    <mergeCell ref="AA37:AB37"/>
    <mergeCell ref="AC37:AD37"/>
    <mergeCell ref="AE37:AF37"/>
    <mergeCell ref="AG37:AH37"/>
    <mergeCell ref="AI37:AJ37"/>
    <mergeCell ref="G36:H36"/>
    <mergeCell ref="I36:J36"/>
    <mergeCell ref="K36:L36"/>
    <mergeCell ref="M36:N36"/>
    <mergeCell ref="O36:P36"/>
    <mergeCell ref="Q36:R36"/>
    <mergeCell ref="S36:T36"/>
    <mergeCell ref="U36:V36"/>
    <mergeCell ref="W36:X36"/>
    <mergeCell ref="Y34:Z34"/>
    <mergeCell ref="AA34:AB34"/>
    <mergeCell ref="AC34:AD34"/>
    <mergeCell ref="S34:T34"/>
    <mergeCell ref="U34:V34"/>
    <mergeCell ref="W34:X34"/>
    <mergeCell ref="Y36:Z36"/>
    <mergeCell ref="AA36:AB36"/>
    <mergeCell ref="AC36:AD36"/>
    <mergeCell ref="AE34:AF34"/>
    <mergeCell ref="AG34:AH34"/>
    <mergeCell ref="AI34:AJ34"/>
    <mergeCell ref="G35:H35"/>
    <mergeCell ref="I35:J35"/>
    <mergeCell ref="K35:L35"/>
    <mergeCell ref="M35:N35"/>
    <mergeCell ref="O35:P35"/>
    <mergeCell ref="Q35:R35"/>
    <mergeCell ref="S35:T35"/>
    <mergeCell ref="U35:V35"/>
    <mergeCell ref="W35:X35"/>
    <mergeCell ref="Y35:Z35"/>
    <mergeCell ref="AA35:AB35"/>
    <mergeCell ref="AC35:AD35"/>
    <mergeCell ref="AE35:AF35"/>
    <mergeCell ref="AG35:AH35"/>
    <mergeCell ref="AI35:AJ35"/>
    <mergeCell ref="G34:H34"/>
    <mergeCell ref="I34:J34"/>
    <mergeCell ref="K34:L34"/>
    <mergeCell ref="M34:N34"/>
    <mergeCell ref="O34:P34"/>
    <mergeCell ref="Q34:R34"/>
    <mergeCell ref="AE32:AF32"/>
    <mergeCell ref="AG32:AH32"/>
    <mergeCell ref="AI32:AJ32"/>
    <mergeCell ref="G33:H33"/>
    <mergeCell ref="I33:J33"/>
    <mergeCell ref="K33:L33"/>
    <mergeCell ref="M33:N33"/>
    <mergeCell ref="O33:P33"/>
    <mergeCell ref="Q33:R33"/>
    <mergeCell ref="S33:T33"/>
    <mergeCell ref="U33:V33"/>
    <mergeCell ref="W33:X33"/>
    <mergeCell ref="Y33:Z33"/>
    <mergeCell ref="AA33:AB33"/>
    <mergeCell ref="AC33:AD33"/>
    <mergeCell ref="AE33:AF33"/>
    <mergeCell ref="AG33:AH33"/>
    <mergeCell ref="AI33:AJ33"/>
    <mergeCell ref="G32:H32"/>
    <mergeCell ref="I32:J32"/>
    <mergeCell ref="K32:L32"/>
    <mergeCell ref="M32:N32"/>
    <mergeCell ref="O32:P32"/>
    <mergeCell ref="Q32:R32"/>
    <mergeCell ref="S32:T32"/>
    <mergeCell ref="U32:V32"/>
    <mergeCell ref="W32:X32"/>
    <mergeCell ref="Y30:Z30"/>
    <mergeCell ref="AA30:AB30"/>
    <mergeCell ref="AC30:AD30"/>
    <mergeCell ref="S30:T30"/>
    <mergeCell ref="U30:V30"/>
    <mergeCell ref="W30:X30"/>
    <mergeCell ref="Y32:Z32"/>
    <mergeCell ref="AA32:AB32"/>
    <mergeCell ref="AC32:AD32"/>
    <mergeCell ref="AE30:AF30"/>
    <mergeCell ref="AG30:AH30"/>
    <mergeCell ref="AI30:AJ30"/>
    <mergeCell ref="G31:H31"/>
    <mergeCell ref="I31:J31"/>
    <mergeCell ref="K31:L31"/>
    <mergeCell ref="M31:N31"/>
    <mergeCell ref="O31:P31"/>
    <mergeCell ref="Q31:R31"/>
    <mergeCell ref="S31:T31"/>
    <mergeCell ref="U31:V31"/>
    <mergeCell ref="W31:X31"/>
    <mergeCell ref="Y31:Z31"/>
    <mergeCell ref="AA31:AB31"/>
    <mergeCell ref="AC31:AD31"/>
    <mergeCell ref="AE31:AF31"/>
    <mergeCell ref="AG31:AH31"/>
    <mergeCell ref="AI31:AJ31"/>
    <mergeCell ref="G30:H30"/>
    <mergeCell ref="I30:J30"/>
    <mergeCell ref="K30:L30"/>
    <mergeCell ref="M30:N30"/>
    <mergeCell ref="O30:P30"/>
    <mergeCell ref="Q30:R30"/>
    <mergeCell ref="AE28:AF28"/>
    <mergeCell ref="AG28:AH28"/>
    <mergeCell ref="AI28:AJ28"/>
    <mergeCell ref="G29:H29"/>
    <mergeCell ref="I29:J29"/>
    <mergeCell ref="K29:L29"/>
    <mergeCell ref="M29:N29"/>
    <mergeCell ref="O29:P29"/>
    <mergeCell ref="Q29:R29"/>
    <mergeCell ref="S29:T29"/>
    <mergeCell ref="U29:V29"/>
    <mergeCell ref="W29:X29"/>
    <mergeCell ref="Y29:Z29"/>
    <mergeCell ref="AA29:AB29"/>
    <mergeCell ref="AC29:AD29"/>
    <mergeCell ref="AE29:AF29"/>
    <mergeCell ref="AG29:AH29"/>
    <mergeCell ref="AI29:AJ29"/>
    <mergeCell ref="G28:H28"/>
    <mergeCell ref="I28:J28"/>
    <mergeCell ref="K28:L28"/>
    <mergeCell ref="M28:N28"/>
    <mergeCell ref="O28:P28"/>
    <mergeCell ref="Q28:R28"/>
    <mergeCell ref="S28:T28"/>
    <mergeCell ref="U28:V28"/>
    <mergeCell ref="W28:X28"/>
    <mergeCell ref="Y24:Z24"/>
    <mergeCell ref="AA24:AB24"/>
    <mergeCell ref="AC24:AD24"/>
    <mergeCell ref="S24:T24"/>
    <mergeCell ref="U24:V24"/>
    <mergeCell ref="W24:X24"/>
    <mergeCell ref="Y28:Z28"/>
    <mergeCell ref="AA28:AB28"/>
    <mergeCell ref="AC28:AD28"/>
    <mergeCell ref="AE24:AF24"/>
    <mergeCell ref="AG24:AH24"/>
    <mergeCell ref="AI24:AJ24"/>
    <mergeCell ref="G25:H25"/>
    <mergeCell ref="I25:J25"/>
    <mergeCell ref="K25:L25"/>
    <mergeCell ref="M25:N25"/>
    <mergeCell ref="O25:P25"/>
    <mergeCell ref="Q25:R25"/>
    <mergeCell ref="S25:T25"/>
    <mergeCell ref="U25:V25"/>
    <mergeCell ref="W25:X25"/>
    <mergeCell ref="Y25:Z25"/>
    <mergeCell ref="AA25:AB25"/>
    <mergeCell ref="AC25:AD25"/>
    <mergeCell ref="AE25:AF25"/>
    <mergeCell ref="AG25:AH25"/>
    <mergeCell ref="AI25:AJ25"/>
    <mergeCell ref="G24:H24"/>
    <mergeCell ref="I24:J24"/>
    <mergeCell ref="K24:L24"/>
    <mergeCell ref="M24:N24"/>
    <mergeCell ref="O24:P24"/>
    <mergeCell ref="Q24:R24"/>
    <mergeCell ref="AE22:AF22"/>
    <mergeCell ref="AG22:AH22"/>
    <mergeCell ref="AI22:AJ22"/>
    <mergeCell ref="G23:H23"/>
    <mergeCell ref="I23:J23"/>
    <mergeCell ref="K23:L23"/>
    <mergeCell ref="M23:N23"/>
    <mergeCell ref="O23:P23"/>
    <mergeCell ref="Q23:R23"/>
    <mergeCell ref="S23:T23"/>
    <mergeCell ref="U23:V23"/>
    <mergeCell ref="W23:X23"/>
    <mergeCell ref="Y23:Z23"/>
    <mergeCell ref="AA23:AB23"/>
    <mergeCell ref="AC23:AD23"/>
    <mergeCell ref="AE23:AF23"/>
    <mergeCell ref="AG23:AH23"/>
    <mergeCell ref="AI23:AJ23"/>
    <mergeCell ref="G22:H22"/>
    <mergeCell ref="I22:J22"/>
    <mergeCell ref="K22:L22"/>
    <mergeCell ref="M22:N22"/>
    <mergeCell ref="O22:P22"/>
    <mergeCell ref="Q22:R22"/>
    <mergeCell ref="S22:T22"/>
    <mergeCell ref="U22:V22"/>
    <mergeCell ref="W22:X22"/>
    <mergeCell ref="Y20:Z20"/>
    <mergeCell ref="AA20:AB20"/>
    <mergeCell ref="AC20:AD20"/>
    <mergeCell ref="S20:T20"/>
    <mergeCell ref="U20:V20"/>
    <mergeCell ref="W20:X20"/>
    <mergeCell ref="Y22:Z22"/>
    <mergeCell ref="AA22:AB22"/>
    <mergeCell ref="AC22:AD22"/>
    <mergeCell ref="AE20:AF20"/>
    <mergeCell ref="AG20:AH20"/>
    <mergeCell ref="AI20:AJ20"/>
    <mergeCell ref="G21:H21"/>
    <mergeCell ref="I21:J21"/>
    <mergeCell ref="K21:L21"/>
    <mergeCell ref="M21:N21"/>
    <mergeCell ref="O21:P21"/>
    <mergeCell ref="Q21:R21"/>
    <mergeCell ref="S21:T21"/>
    <mergeCell ref="U21:V21"/>
    <mergeCell ref="W21:X21"/>
    <mergeCell ref="Y21:Z21"/>
    <mergeCell ref="AA21:AB21"/>
    <mergeCell ref="AC21:AD21"/>
    <mergeCell ref="AE21:AF21"/>
    <mergeCell ref="AG21:AH21"/>
    <mergeCell ref="AI21:AJ21"/>
    <mergeCell ref="G20:H20"/>
    <mergeCell ref="I20:J20"/>
    <mergeCell ref="K20:L20"/>
    <mergeCell ref="M20:N20"/>
    <mergeCell ref="O20:P20"/>
    <mergeCell ref="Q20:R20"/>
    <mergeCell ref="AC17:AD17"/>
    <mergeCell ref="AE17:AF17"/>
    <mergeCell ref="AG17:AH17"/>
    <mergeCell ref="AI17:AJ17"/>
    <mergeCell ref="G19:H19"/>
    <mergeCell ref="I19:J19"/>
    <mergeCell ref="K19:L19"/>
    <mergeCell ref="M19:N19"/>
    <mergeCell ref="O19:P19"/>
    <mergeCell ref="Q19:R19"/>
    <mergeCell ref="S19:T19"/>
    <mergeCell ref="U19:V19"/>
    <mergeCell ref="W19:X19"/>
    <mergeCell ref="Y19:Z19"/>
    <mergeCell ref="AA19:AB19"/>
    <mergeCell ref="AC19:AD19"/>
    <mergeCell ref="AE19:AF19"/>
    <mergeCell ref="AG19:AH19"/>
    <mergeCell ref="AI19:AJ19"/>
    <mergeCell ref="K17:L17"/>
    <mergeCell ref="M17:N17"/>
    <mergeCell ref="O17:P17"/>
    <mergeCell ref="Q17:R17"/>
    <mergeCell ref="S17:T17"/>
    <mergeCell ref="U17:V17"/>
    <mergeCell ref="W17:X17"/>
    <mergeCell ref="Y17:Z17"/>
    <mergeCell ref="AA17:AB17"/>
    <mergeCell ref="S15:T15"/>
    <mergeCell ref="U15:V15"/>
    <mergeCell ref="W15:X15"/>
    <mergeCell ref="Y15:Z15"/>
    <mergeCell ref="AA15:AB15"/>
    <mergeCell ref="AC15:AD15"/>
    <mergeCell ref="AE15:AF15"/>
    <mergeCell ref="AG15:AH15"/>
    <mergeCell ref="AI15:AJ15"/>
    <mergeCell ref="AG11:AH11"/>
    <mergeCell ref="AI11:AJ11"/>
    <mergeCell ref="K13:L13"/>
    <mergeCell ref="M13:N13"/>
    <mergeCell ref="O13:P13"/>
    <mergeCell ref="Q13:R13"/>
    <mergeCell ref="S13:T13"/>
    <mergeCell ref="U13:V13"/>
    <mergeCell ref="W13:X13"/>
    <mergeCell ref="Y13:Z13"/>
    <mergeCell ref="AA13:AB13"/>
    <mergeCell ref="AC13:AD13"/>
    <mergeCell ref="AE13:AF13"/>
    <mergeCell ref="AG13:AH13"/>
    <mergeCell ref="AI13:AJ13"/>
    <mergeCell ref="Q15:R15"/>
    <mergeCell ref="S11:T11"/>
    <mergeCell ref="U11:V11"/>
    <mergeCell ref="W11:X11"/>
    <mergeCell ref="Y11:Z11"/>
    <mergeCell ref="AI7:AJ7"/>
    <mergeCell ref="K9:L9"/>
    <mergeCell ref="M9:N9"/>
    <mergeCell ref="O9:P9"/>
    <mergeCell ref="Q9:R9"/>
    <mergeCell ref="S9:T9"/>
    <mergeCell ref="U9:V9"/>
    <mergeCell ref="W9:X9"/>
    <mergeCell ref="Y9:Z9"/>
    <mergeCell ref="AA9:AB9"/>
    <mergeCell ref="AC9:AD9"/>
    <mergeCell ref="AE9:AF9"/>
    <mergeCell ref="AG9:AH9"/>
    <mergeCell ref="AI9:AJ9"/>
    <mergeCell ref="S7:T7"/>
    <mergeCell ref="U7:V7"/>
    <mergeCell ref="W7:X7"/>
    <mergeCell ref="Y7:Z7"/>
    <mergeCell ref="AA7:AB7"/>
    <mergeCell ref="AC7:AD7"/>
    <mergeCell ref="AE7:AF7"/>
    <mergeCell ref="AG7:AH7"/>
    <mergeCell ref="AI3:AJ3"/>
    <mergeCell ref="K5:L5"/>
    <mergeCell ref="M5:N5"/>
    <mergeCell ref="O5:P5"/>
    <mergeCell ref="Q5:R5"/>
    <mergeCell ref="S5:T5"/>
    <mergeCell ref="U5:V5"/>
    <mergeCell ref="W5:X5"/>
    <mergeCell ref="Y5:Z5"/>
    <mergeCell ref="AA5:AB5"/>
    <mergeCell ref="AC5:AD5"/>
    <mergeCell ref="AE5:AF5"/>
    <mergeCell ref="AG5:AH5"/>
    <mergeCell ref="AI5:AJ5"/>
    <mergeCell ref="S3:T3"/>
    <mergeCell ref="U3:V3"/>
    <mergeCell ref="W3:X3"/>
    <mergeCell ref="Y3:Z3"/>
    <mergeCell ref="AA3:AB3"/>
    <mergeCell ref="AC3:AD3"/>
    <mergeCell ref="AE3:AF3"/>
    <mergeCell ref="AG3:AH3"/>
    <mergeCell ref="AA11:AB11"/>
    <mergeCell ref="AC11:AD11"/>
    <mergeCell ref="AE11:AF11"/>
    <mergeCell ref="AE1:AF1"/>
    <mergeCell ref="AG1:AH1"/>
    <mergeCell ref="AI1:AJ1"/>
    <mergeCell ref="G2:H2"/>
    <mergeCell ref="I2:J2"/>
    <mergeCell ref="K2:L2"/>
    <mergeCell ref="M2:N2"/>
    <mergeCell ref="O2:P2"/>
    <mergeCell ref="Q2:R2"/>
    <mergeCell ref="S2:T2"/>
    <mergeCell ref="U2:V2"/>
    <mergeCell ref="W2:X2"/>
    <mergeCell ref="Y2:Z2"/>
    <mergeCell ref="AA2:AB2"/>
    <mergeCell ref="AC2:AD2"/>
    <mergeCell ref="AE2:AF2"/>
    <mergeCell ref="AG2:AH2"/>
    <mergeCell ref="AI2:AJ2"/>
    <mergeCell ref="U1:V1"/>
    <mergeCell ref="W1:X1"/>
    <mergeCell ref="Y1:Z1"/>
    <mergeCell ref="AA1:AB1"/>
    <mergeCell ref="G3:H3"/>
    <mergeCell ref="G5:H5"/>
    <mergeCell ref="G7:H7"/>
    <mergeCell ref="G9:H9"/>
    <mergeCell ref="AC1:AD1"/>
    <mergeCell ref="I3:J3"/>
    <mergeCell ref="I5:J5"/>
    <mergeCell ref="I7:J7"/>
    <mergeCell ref="I9:J9"/>
    <mergeCell ref="K3:L3"/>
    <mergeCell ref="M3:N3"/>
    <mergeCell ref="O3:P3"/>
    <mergeCell ref="Q3:R3"/>
    <mergeCell ref="K7:L7"/>
    <mergeCell ref="M7:N7"/>
    <mergeCell ref="O7:P7"/>
    <mergeCell ref="Q7:R7"/>
    <mergeCell ref="B47:B48"/>
    <mergeCell ref="C48:F48"/>
    <mergeCell ref="G1:H1"/>
    <mergeCell ref="I1:J1"/>
    <mergeCell ref="K1:L1"/>
    <mergeCell ref="M1:N1"/>
    <mergeCell ref="O1:P1"/>
    <mergeCell ref="Q1:R1"/>
    <mergeCell ref="S1:T1"/>
    <mergeCell ref="G11:H11"/>
    <mergeCell ref="G15:H15"/>
    <mergeCell ref="G17:H17"/>
    <mergeCell ref="G13:H13"/>
    <mergeCell ref="I11:J11"/>
    <mergeCell ref="I13:J13"/>
    <mergeCell ref="I15:J15"/>
    <mergeCell ref="I17:J17"/>
    <mergeCell ref="K11:L11"/>
    <mergeCell ref="M11:N11"/>
    <mergeCell ref="O11:P11"/>
    <mergeCell ref="Q11:R11"/>
    <mergeCell ref="K15:L15"/>
    <mergeCell ref="M15:N15"/>
    <mergeCell ref="O15:P15"/>
    <mergeCell ref="B38:B40"/>
    <mergeCell ref="C38:F38"/>
    <mergeCell ref="C39:F39"/>
    <mergeCell ref="C40:F40"/>
    <mergeCell ref="B41:B43"/>
    <mergeCell ref="C41:F41"/>
    <mergeCell ref="C42:F42"/>
    <mergeCell ref="C43:F43"/>
    <mergeCell ref="B44:B46"/>
    <mergeCell ref="C44:F44"/>
    <mergeCell ref="C45:F45"/>
    <mergeCell ref="C46:F46"/>
    <mergeCell ref="B30:B32"/>
    <mergeCell ref="C30:F30"/>
    <mergeCell ref="C31:F31"/>
    <mergeCell ref="C32:F32"/>
    <mergeCell ref="B33:B37"/>
    <mergeCell ref="C33:F33"/>
    <mergeCell ref="C34:F34"/>
    <mergeCell ref="C35:F35"/>
    <mergeCell ref="C36:F36"/>
    <mergeCell ref="C37:F37"/>
    <mergeCell ref="B19:B22"/>
    <mergeCell ref="C19:F19"/>
    <mergeCell ref="C20:F20"/>
    <mergeCell ref="C21:F21"/>
    <mergeCell ref="C22:F22"/>
    <mergeCell ref="B23:B29"/>
    <mergeCell ref="C23:F23"/>
    <mergeCell ref="C24:F24"/>
    <mergeCell ref="C25:F25"/>
    <mergeCell ref="C28:F28"/>
    <mergeCell ref="C29:F29"/>
    <mergeCell ref="C26:F27"/>
    <mergeCell ref="C11:D12"/>
    <mergeCell ref="E11:E14"/>
    <mergeCell ref="F11:F12"/>
    <mergeCell ref="B13:B18"/>
    <mergeCell ref="C13:C14"/>
    <mergeCell ref="F13:F14"/>
    <mergeCell ref="E15:E18"/>
    <mergeCell ref="F15:F16"/>
    <mergeCell ref="F17:F18"/>
    <mergeCell ref="B1:C2"/>
    <mergeCell ref="E1:E2"/>
    <mergeCell ref="E3:E10"/>
    <mergeCell ref="F3:F4"/>
    <mergeCell ref="C4:C6"/>
    <mergeCell ref="F5:F6"/>
    <mergeCell ref="F7:F8"/>
    <mergeCell ref="B8:C10"/>
    <mergeCell ref="F9:F10"/>
  </mergeCells>
  <phoneticPr fontId="2"/>
  <pageMargins left="0.70866141732283472" right="0.19685039370078741" top="0.39370078740157483" bottom="0" header="0.19685039370078741" footer="0.19685039370078741"/>
  <pageSetup paperSize="9" scale="91" orientation="landscape" horizontalDpi="300" verticalDpi="300" r:id="rId1"/>
  <headerFooter alignWithMargins="0">
    <oddHeader>&amp;L様式4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原本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中谷 満弓</cp:lastModifiedBy>
  <cp:lastPrinted>2020-10-30T07:25:40Z</cp:lastPrinted>
  <dcterms:created xsi:type="dcterms:W3CDTF">2009-01-15T05:19:14Z</dcterms:created>
  <dcterms:modified xsi:type="dcterms:W3CDTF">2020-10-30T07:25:42Z</dcterms:modified>
</cp:coreProperties>
</file>